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22079\Desktop\"/>
    </mc:Choice>
  </mc:AlternateContent>
  <xr:revisionPtr revIDLastSave="0" documentId="13_ncr:1_{BADACEC8-77EB-4B5C-A158-12A95AD9BBBB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事業場台帳" sheetId="1" r:id="rId1"/>
    <sheet name="04400000002" sheetId="2" r:id="rId2"/>
    <sheet name="04420200074" sheetId="3" r:id="rId3"/>
    <sheet name="04420200081" sheetId="4" r:id="rId4"/>
    <sheet name="04420200088" sheetId="5" r:id="rId5"/>
    <sheet name="04420200096" sheetId="6" r:id="rId6"/>
    <sheet name="04420200101" sheetId="7" r:id="rId7"/>
    <sheet name="04420200103" sheetId="8" r:id="rId8"/>
    <sheet name="04420200105" sheetId="9" r:id="rId9"/>
    <sheet name="04420200107" sheetId="10" r:id="rId10"/>
    <sheet name="04420200108" sheetId="11" r:id="rId11"/>
    <sheet name="04420200112" sheetId="12" r:id="rId12"/>
    <sheet name="04420200113" sheetId="13" r:id="rId13"/>
    <sheet name="04420200114" sheetId="14" r:id="rId14"/>
    <sheet name="04420200115" sheetId="15" r:id="rId15"/>
    <sheet name="04420200116" sheetId="16" r:id="rId16"/>
    <sheet name="04420200117" sheetId="17" r:id="rId17"/>
    <sheet name="04420200118" sheetId="18" r:id="rId18"/>
    <sheet name="04420300001" sheetId="19" r:id="rId19"/>
    <sheet name="04420300008" sheetId="20" r:id="rId20"/>
    <sheet name="04420300013" sheetId="21" r:id="rId21"/>
    <sheet name="04420300032" sheetId="22" r:id="rId22"/>
    <sheet name="04420300038" sheetId="23" r:id="rId23"/>
    <sheet name="04420300045" sheetId="24" r:id="rId24"/>
    <sheet name="04420300046" sheetId="25" r:id="rId25"/>
    <sheet name="04420300051" sheetId="26" r:id="rId26"/>
    <sheet name="04420300056" sheetId="27" r:id="rId27"/>
    <sheet name="04420300063" sheetId="28" r:id="rId28"/>
    <sheet name="04420300064" sheetId="29" r:id="rId29"/>
    <sheet name="04420300066" sheetId="30" r:id="rId30"/>
    <sheet name="04420300067" sheetId="31" r:id="rId31"/>
    <sheet name="04420300068" sheetId="32" r:id="rId32"/>
    <sheet name="04420400004" sheetId="33" r:id="rId33"/>
    <sheet name="04420400017" sheetId="34" r:id="rId34"/>
    <sheet name="04420400022" sheetId="35" r:id="rId35"/>
    <sheet name="04420400026" sheetId="36" r:id="rId36"/>
    <sheet name="04420400033" sheetId="37" r:id="rId37"/>
    <sheet name="04420400044" sheetId="38" r:id="rId38"/>
    <sheet name="04420400045" sheetId="39" r:id="rId39"/>
    <sheet name="04420400053" sheetId="40" r:id="rId40"/>
    <sheet name="04420400054" sheetId="41" r:id="rId41"/>
    <sheet name="04420400057" sheetId="42" r:id="rId42"/>
    <sheet name="04420400066" sheetId="43" r:id="rId43"/>
    <sheet name="04420400068" sheetId="44" r:id="rId44"/>
    <sheet name="04420400069" sheetId="45" r:id="rId45"/>
    <sheet name="04420400070" sheetId="46" r:id="rId46"/>
    <sheet name="04420400071" sheetId="47" r:id="rId47"/>
    <sheet name="04420400072" sheetId="48" r:id="rId48"/>
    <sheet name="04420400074" sheetId="49" r:id="rId49"/>
    <sheet name="04420400076" sheetId="50" r:id="rId50"/>
    <sheet name="04420400078" sheetId="51" r:id="rId51"/>
    <sheet name="04420500003" sheetId="52" r:id="rId52"/>
    <sheet name="04420500015" sheetId="53" r:id="rId53"/>
    <sheet name="04420500025" sheetId="54" r:id="rId54"/>
    <sheet name="04420500035" sheetId="55" r:id="rId55"/>
    <sheet name="04420500039" sheetId="56" r:id="rId56"/>
    <sheet name="04420500047" sheetId="57" r:id="rId57"/>
    <sheet name="04420500051" sheetId="58" r:id="rId58"/>
    <sheet name="04420500053" sheetId="59" r:id="rId59"/>
    <sheet name="04420500054" sheetId="60" r:id="rId60"/>
    <sheet name="04420500055" sheetId="61" r:id="rId61"/>
    <sheet name="04420500056" sheetId="62" r:id="rId62"/>
    <sheet name="04420500057" sheetId="63" r:id="rId63"/>
    <sheet name="04420500058" sheetId="64" r:id="rId64"/>
    <sheet name="04420600002" sheetId="65" r:id="rId65"/>
    <sheet name="04420600005" sheetId="66" r:id="rId66"/>
    <sheet name="04420600014" sheetId="67" r:id="rId67"/>
    <sheet name="04420600017" sheetId="68" r:id="rId68"/>
    <sheet name="04420600020" sheetId="69" r:id="rId69"/>
    <sheet name="04420600021" sheetId="70" r:id="rId70"/>
    <sheet name="04420600029" sheetId="71" r:id="rId71"/>
    <sheet name="04420600031" sheetId="72" r:id="rId72"/>
    <sheet name="04420600033" sheetId="73" r:id="rId73"/>
    <sheet name="04442100002" sheetId="74" r:id="rId74"/>
    <sheet name="04420700003" sheetId="75" r:id="rId75"/>
    <sheet name="04420700011" sheetId="76" r:id="rId76"/>
    <sheet name="04420700015" sheetId="77" r:id="rId77"/>
    <sheet name="04420700018" sheetId="78" r:id="rId78"/>
    <sheet name="04420700025" sheetId="79" r:id="rId79"/>
    <sheet name="04420700026" sheetId="80" r:id="rId80"/>
    <sheet name="04420800018" sheetId="81" r:id="rId81"/>
    <sheet name="04420800025" sheetId="82" r:id="rId82"/>
    <sheet name="04420800026" sheetId="83" r:id="rId83"/>
    <sheet name="04420900022" sheetId="84" r:id="rId84"/>
    <sheet name="04420900026" sheetId="85" r:id="rId85"/>
    <sheet name="04421000011" sheetId="86" r:id="rId86"/>
    <sheet name="04421000014" sheetId="87" r:id="rId87"/>
    <sheet name="04421000020" sheetId="88" r:id="rId88"/>
    <sheet name="04421000021" sheetId="89" r:id="rId89"/>
    <sheet name="04421100037" sheetId="90" r:id="rId90"/>
    <sheet name="04421100038" sheetId="91" r:id="rId91"/>
    <sheet name="04421100039" sheetId="92" r:id="rId92"/>
    <sheet name="04421100056" sheetId="93" r:id="rId93"/>
    <sheet name="04421100057" sheetId="94" r:id="rId94"/>
    <sheet name="04421100069" sheetId="95" r:id="rId95"/>
    <sheet name="04421100073" sheetId="96" r:id="rId96"/>
    <sheet name="04421100074" sheetId="97" r:id="rId97"/>
    <sheet name="04421100075" sheetId="98" r:id="rId98"/>
    <sheet name="04421100076" sheetId="99" r:id="rId99"/>
    <sheet name="04421100081" sheetId="100" r:id="rId100"/>
    <sheet name="04421100082" sheetId="101" r:id="rId101"/>
    <sheet name="04421100083" sheetId="102" r:id="rId102"/>
    <sheet name="04421100084" sheetId="103" r:id="rId103"/>
    <sheet name="04421100085" sheetId="104" r:id="rId104"/>
    <sheet name="04421200013" sheetId="105" r:id="rId105"/>
    <sheet name="04421200034" sheetId="106" r:id="rId106"/>
    <sheet name="04421200035" sheetId="107" r:id="rId107"/>
    <sheet name="04421300008" sheetId="108" r:id="rId108"/>
    <sheet name="04421300013" sheetId="109" r:id="rId109"/>
    <sheet name="04421300015" sheetId="110" r:id="rId110"/>
    <sheet name="04421300017" sheetId="111" r:id="rId111"/>
    <sheet name="04421300018" sheetId="112" r:id="rId112"/>
    <sheet name="04421400002" sheetId="113" r:id="rId113"/>
    <sheet name="04421400008" sheetId="114" r:id="rId114"/>
    <sheet name="04434100007" sheetId="115" r:id="rId115"/>
    <sheet name="04434100011" sheetId="116" r:id="rId116"/>
    <sheet name="04434100013" sheetId="117" r:id="rId117"/>
    <sheet name="04434100018" sheetId="118" r:id="rId118"/>
    <sheet name="04434100019" sheetId="119" r:id="rId119"/>
    <sheet name="04446100004" sheetId="120" r:id="rId120"/>
    <sheet name="04446100007" sheetId="121" r:id="rId121"/>
    <sheet name="04446100008" sheetId="122" r:id="rId122"/>
    <sheet name="04446100009" sheetId="123" r:id="rId123"/>
    <sheet name="04446200011" sheetId="124" r:id="rId124"/>
    <sheet name="04446200013" sheetId="125" r:id="rId125"/>
  </sheets>
  <definedNames>
    <definedName name="_xlnm.Print_Titles" localSheetId="0">事業場台帳!$1:$2</definedName>
  </definedNames>
  <calcPr calcId="0"/>
</workbook>
</file>

<file path=xl/sharedStrings.xml><?xml version="1.0" encoding="utf-8"?>
<sst xmlns="http://schemas.openxmlformats.org/spreadsheetml/2006/main" count="10821" uniqueCount="1653">
  <si>
    <t>【　事業場台帳　】</t>
  </si>
  <si>
    <t>令和06年度</t>
  </si>
  <si>
    <t>事業場情報</t>
  </si>
  <si>
    <t>届出者情報</t>
  </si>
  <si>
    <t>事業場ＩＤ</t>
  </si>
  <si>
    <t>名称</t>
  </si>
  <si>
    <t>区分</t>
  </si>
  <si>
    <t>市区町村コード</t>
  </si>
  <si>
    <t>郵便番号</t>
  </si>
  <si>
    <t>住所</t>
  </si>
  <si>
    <t>電話番号</t>
  </si>
  <si>
    <t>責任者職名</t>
  </si>
  <si>
    <t>責任者氏名</t>
  </si>
  <si>
    <t>ＰＣＢデータの有無</t>
  </si>
  <si>
    <t>法人名</t>
  </si>
  <si>
    <t>役職</t>
  </si>
  <si>
    <t>氏名</t>
  </si>
  <si>
    <t>担当者名</t>
  </si>
  <si>
    <t>04400000002</t>
  </si>
  <si>
    <t>別府市中央浄化センター</t>
  </si>
  <si>
    <t>市区町村</t>
  </si>
  <si>
    <t>202</t>
  </si>
  <si>
    <t>874-0022</t>
  </si>
  <si>
    <t>大分県別府市亀川東町1363番46別府市中央浄化センター</t>
  </si>
  <si>
    <t>0977-67-4261</t>
  </si>
  <si>
    <t>無し</t>
  </si>
  <si>
    <t>別府市上下水道局下水道課　課長</t>
  </si>
  <si>
    <t>川野　康治</t>
  </si>
  <si>
    <t/>
  </si>
  <si>
    <t>有り</t>
  </si>
  <si>
    <t>別府市</t>
  </si>
  <si>
    <t>別府市長</t>
  </si>
  <si>
    <t>長野　恭紘</t>
  </si>
  <si>
    <t>874-0905</t>
  </si>
  <si>
    <t>大分県別府市大字別府字野口原3088番27</t>
  </si>
  <si>
    <t>0977-23-0361</t>
  </si>
  <si>
    <t>04420200074</t>
  </si>
  <si>
    <t>別府ラクテンチ</t>
  </si>
  <si>
    <t>民間</t>
  </si>
  <si>
    <t>874-0821</t>
  </si>
  <si>
    <t>大分県別府市大字別府3563番地別府ラクテンチ</t>
  </si>
  <si>
    <t>0977-85-8888</t>
  </si>
  <si>
    <t>マネージャー</t>
  </si>
  <si>
    <t>金高　章公</t>
  </si>
  <si>
    <t>株式会社ラクテンチ</t>
  </si>
  <si>
    <t>代表取締役</t>
  </si>
  <si>
    <t>西　寛之</t>
  </si>
  <si>
    <t>大分県別府市大字鶴見3794番地の29</t>
  </si>
  <si>
    <t>04420200081</t>
  </si>
  <si>
    <t>別府市上下水道局</t>
  </si>
  <si>
    <t>874-0903</t>
  </si>
  <si>
    <t>0977-23-3108</t>
  </si>
  <si>
    <t>総務課長</t>
  </si>
  <si>
    <t>田原　誠士</t>
  </si>
  <si>
    <t>別府市　上下水道企業</t>
  </si>
  <si>
    <t>長野　恭絋</t>
  </si>
  <si>
    <t>0977-22-1731</t>
  </si>
  <si>
    <t>04420200088</t>
  </si>
  <si>
    <t>大分みらい信用金庫　南支店</t>
  </si>
  <si>
    <t>874-0942</t>
  </si>
  <si>
    <t>大分県別府市千代町11番15号</t>
  </si>
  <si>
    <t>0977-22-1181</t>
  </si>
  <si>
    <t>総務部　主事</t>
  </si>
  <si>
    <t>安部　晃三</t>
  </si>
  <si>
    <t>大分みらい信用金庫</t>
  </si>
  <si>
    <t>理事長</t>
  </si>
  <si>
    <t>森田　展弘</t>
  </si>
  <si>
    <t>874-0934</t>
  </si>
  <si>
    <t>大分県別府市駅前本町１番31号</t>
  </si>
  <si>
    <t>04420200096</t>
  </si>
  <si>
    <t>大心産業株式会社</t>
  </si>
  <si>
    <t>874-0920</t>
  </si>
  <si>
    <t>大分県別府市北浜3丁目13番3号</t>
  </si>
  <si>
    <t>0977-88-6300</t>
  </si>
  <si>
    <t>営業</t>
  </si>
  <si>
    <t>小野　恭輔</t>
  </si>
  <si>
    <t>橋本　健司</t>
  </si>
  <si>
    <t>04420200101</t>
  </si>
  <si>
    <t>税理士法人　羽生会計事務所</t>
  </si>
  <si>
    <t>874-0943</t>
  </si>
  <si>
    <t>大分県別府市楠町19番12号</t>
  </si>
  <si>
    <t>0977-27-5670</t>
  </si>
  <si>
    <t>代表社員</t>
  </si>
  <si>
    <t>羽生　正宗</t>
  </si>
  <si>
    <t>04420200103</t>
  </si>
  <si>
    <t>別府市教育部　教育政策課</t>
  </si>
  <si>
    <t>大分県別府市上野口町1番15号</t>
  </si>
  <si>
    <t>0977-21-1572</t>
  </si>
  <si>
    <t>教育部　教育政策課</t>
  </si>
  <si>
    <t>870-0905</t>
  </si>
  <si>
    <t>0977-21-1111</t>
  </si>
  <si>
    <t>04420200105</t>
  </si>
  <si>
    <t>シーサイドホテル美松　大江亭</t>
  </si>
  <si>
    <t>大分県別府市北浜3丁目14－17</t>
  </si>
  <si>
    <t>0977-23-4301</t>
  </si>
  <si>
    <t>支配人</t>
  </si>
  <si>
    <t>松野　明希子</t>
  </si>
  <si>
    <t>株式会社別府温泉ホテル</t>
  </si>
  <si>
    <t>青山　渉</t>
  </si>
  <si>
    <t>大分県別府市駅前本町3－5</t>
  </si>
  <si>
    <t>04420200107</t>
  </si>
  <si>
    <t>つるみカーパーク</t>
  </si>
  <si>
    <t>大分県別府市駅前本町1－5</t>
  </si>
  <si>
    <t>0977-21-2111</t>
  </si>
  <si>
    <t>相談役</t>
  </si>
  <si>
    <t>久保隆一郎</t>
  </si>
  <si>
    <t>つるみ観光株式会社</t>
  </si>
  <si>
    <t>西田　陽一</t>
  </si>
  <si>
    <t>874-0909</t>
  </si>
  <si>
    <t>大分県別府市上田の湯町16－36</t>
  </si>
  <si>
    <t>04420200108</t>
  </si>
  <si>
    <t>ＮＨＫ十文字原テレビFM放送所</t>
  </si>
  <si>
    <t>その他</t>
  </si>
  <si>
    <t>874-0016</t>
  </si>
  <si>
    <t>大分県別府市大字野田池ノツル1200－2</t>
  </si>
  <si>
    <t>097-533-2836</t>
  </si>
  <si>
    <t>コンテンツセンター送受信技術</t>
  </si>
  <si>
    <t>久保　賢</t>
  </si>
  <si>
    <t>日本放送協会　大分放送局</t>
  </si>
  <si>
    <t>局長</t>
  </si>
  <si>
    <t>870-0029</t>
  </si>
  <si>
    <t>大分県大分市高砂町2－36</t>
  </si>
  <si>
    <t>097-533-2800</t>
  </si>
  <si>
    <t>04420200112</t>
  </si>
  <si>
    <t>REX HOTEL別府</t>
  </si>
  <si>
    <t>874-0925</t>
  </si>
  <si>
    <t>大分県別府市若草町13－21</t>
  </si>
  <si>
    <t>0977-23-6111</t>
  </si>
  <si>
    <t>副支配人</t>
  </si>
  <si>
    <t>佐藤　正邦</t>
  </si>
  <si>
    <t>高谷　拓也</t>
  </si>
  <si>
    <t>大分県別府市若草町13番21号</t>
  </si>
  <si>
    <t>04420200113</t>
  </si>
  <si>
    <t>福田内科医院</t>
  </si>
  <si>
    <t>874-0919</t>
  </si>
  <si>
    <t>大分県別府市石垣東３丁目4－12</t>
  </si>
  <si>
    <t>0977-25-2250</t>
  </si>
  <si>
    <t>秋島　葉子</t>
  </si>
  <si>
    <t>医療法人福田会</t>
  </si>
  <si>
    <t>福田　仁</t>
  </si>
  <si>
    <t>04420200114</t>
  </si>
  <si>
    <t>食彩や（飲食店廃業済み）</t>
  </si>
  <si>
    <t>大分県別府市北浜一丁目２番２４号</t>
  </si>
  <si>
    <t>090-2507-6471</t>
  </si>
  <si>
    <t>西田　成子</t>
  </si>
  <si>
    <t>04420200115</t>
  </si>
  <si>
    <t>別府市リバーサイドオアシス春木苑</t>
  </si>
  <si>
    <t>874-0917</t>
  </si>
  <si>
    <t>大分県別府市中須賀東町９組</t>
  </si>
  <si>
    <t>0977-66-1831</t>
  </si>
  <si>
    <t>所長</t>
  </si>
  <si>
    <t>吉田　宏</t>
  </si>
  <si>
    <t>大分県別府市上野口町１番１５号</t>
  </si>
  <si>
    <t>04420200116</t>
  </si>
  <si>
    <t>別府市上下水道局　朝見浄水場</t>
  </si>
  <si>
    <t>874-0812</t>
  </si>
  <si>
    <t>大分県別府市朝見二丁目２４番５号</t>
  </si>
  <si>
    <t>0977-22-0527</t>
  </si>
  <si>
    <t>課長補佐兼場長</t>
  </si>
  <si>
    <t>木村　一喜</t>
  </si>
  <si>
    <t>04420200117</t>
  </si>
  <si>
    <t>大江戸温泉物語別府清風</t>
  </si>
  <si>
    <t>大分県別府市北浜２丁目１２番２１号</t>
  </si>
  <si>
    <t>050-3499-6414</t>
  </si>
  <si>
    <t>瀬川　浩二</t>
  </si>
  <si>
    <t>大江戸温泉物語ホテルズ＆リゾーツ株式会社</t>
  </si>
  <si>
    <t>橋本　啓太</t>
  </si>
  <si>
    <t>104-0061</t>
  </si>
  <si>
    <t>東京都中央区銀座７丁目16番21号</t>
  </si>
  <si>
    <t>050-3605-9239</t>
  </si>
  <si>
    <t>04420200118</t>
  </si>
  <si>
    <t>佐藤整形外科医院</t>
  </si>
  <si>
    <t>874-0936</t>
  </si>
  <si>
    <t>大分県別府市中央町8番20号</t>
  </si>
  <si>
    <t>0977-25-0022</t>
  </si>
  <si>
    <t>医院長</t>
  </si>
  <si>
    <t>佐藤　倫一郎</t>
  </si>
  <si>
    <t>04420300001</t>
  </si>
  <si>
    <t>ＴＯＴＯサニテクノ株式会社</t>
  </si>
  <si>
    <t>203</t>
  </si>
  <si>
    <t>871-0003</t>
  </si>
  <si>
    <t>大分県中津市大字是則700番地</t>
  </si>
  <si>
    <t>0979-32-1111</t>
  </si>
  <si>
    <t>経営企画部　総務課</t>
  </si>
  <si>
    <t>近藤　由紀</t>
  </si>
  <si>
    <t>取締役社長</t>
  </si>
  <si>
    <t>山﨑　政男</t>
  </si>
  <si>
    <t>04420300008</t>
  </si>
  <si>
    <t>松本水産株式会社中津工場</t>
  </si>
  <si>
    <t>871-0078</t>
  </si>
  <si>
    <t>大分県中津市字小祝525番地105</t>
  </si>
  <si>
    <t>0979-24-5167</t>
  </si>
  <si>
    <t>総務部長</t>
  </si>
  <si>
    <t>吉崎　哲也</t>
  </si>
  <si>
    <t>松本水産株式会社</t>
  </si>
  <si>
    <t>松本　昌和</t>
  </si>
  <si>
    <t>04420300013</t>
  </si>
  <si>
    <t>株式会社小倉製作所</t>
  </si>
  <si>
    <t>871-0162</t>
  </si>
  <si>
    <t>大分県中津市大字永添字安久２６５１－１</t>
  </si>
  <si>
    <t>0979-22-5141</t>
  </si>
  <si>
    <t>部長</t>
  </si>
  <si>
    <t>加木　日出生</t>
  </si>
  <si>
    <t>小倉　政孝</t>
  </si>
  <si>
    <t>大分県中津市大字永添２６５１－１</t>
  </si>
  <si>
    <t>04420300032</t>
  </si>
  <si>
    <t>株式会社　セッコー　本社工場</t>
  </si>
  <si>
    <t>879-0122</t>
  </si>
  <si>
    <t>大分県中津市定留11の1株式会社　セッコー　本社工場</t>
  </si>
  <si>
    <t>0979-32-5101</t>
  </si>
  <si>
    <t>村田　亜紀</t>
  </si>
  <si>
    <t>株式会社　セッコー</t>
  </si>
  <si>
    <t>大分県中津市大字定留11番地の1株式会社　セッコー</t>
  </si>
  <si>
    <t>04420300038</t>
  </si>
  <si>
    <t>中津文化会館</t>
  </si>
  <si>
    <t>871-0051</t>
  </si>
  <si>
    <t>大分県中津市豊田町14番地38</t>
  </si>
  <si>
    <t>0979-22-1111</t>
  </si>
  <si>
    <t>社会教育課長</t>
  </si>
  <si>
    <t>瀬戸口　千佳</t>
  </si>
  <si>
    <t>中津市</t>
  </si>
  <si>
    <t>市長</t>
  </si>
  <si>
    <t>奥塚　正典</t>
  </si>
  <si>
    <t>871-0058</t>
  </si>
  <si>
    <t>大分県中津市豊田町14番地3中津市役所</t>
  </si>
  <si>
    <t>04420300045</t>
  </si>
  <si>
    <t>川上食品工業株式会社</t>
  </si>
  <si>
    <t>871-0015</t>
  </si>
  <si>
    <t>大分県中津市牛神237-5</t>
  </si>
  <si>
    <t>0979-22-1156</t>
  </si>
  <si>
    <t>川上　真秀</t>
  </si>
  <si>
    <t>川上食品工業株式会社　破産管財人</t>
  </si>
  <si>
    <t>弁護士</t>
  </si>
  <si>
    <t>神本　博雅</t>
  </si>
  <si>
    <t>871-0054</t>
  </si>
  <si>
    <t>大分県中津市京町1466番地</t>
  </si>
  <si>
    <t>0979-24-5241</t>
  </si>
  <si>
    <t>04420300046</t>
  </si>
  <si>
    <t>有限会社　弘栄産業</t>
  </si>
  <si>
    <t>879-0104</t>
  </si>
  <si>
    <t>大分県中津市大字野依680番地の1</t>
  </si>
  <si>
    <t>0979-32-4958</t>
  </si>
  <si>
    <t>古口　正仁</t>
  </si>
  <si>
    <t>04420300051</t>
  </si>
  <si>
    <t>日鉄精密加工株式会社　中津製造所</t>
  </si>
  <si>
    <t>871-0006</t>
  </si>
  <si>
    <t>大分県中津市大字東浜332番地</t>
  </si>
  <si>
    <t>0979-22-1010</t>
  </si>
  <si>
    <t>製造部中津工場　工場長</t>
  </si>
  <si>
    <t>橋本　隆一</t>
  </si>
  <si>
    <t>取締役中津製造所長</t>
  </si>
  <si>
    <t>濱本　貴洋</t>
  </si>
  <si>
    <t>04420300056</t>
  </si>
  <si>
    <t>パルアネッソ中津</t>
  </si>
  <si>
    <t>大分県中津市鍋島145</t>
  </si>
  <si>
    <t>080-1729-9767</t>
  </si>
  <si>
    <t>髙橋　亜希</t>
  </si>
  <si>
    <t>株式会社アネックス</t>
  </si>
  <si>
    <t>白木　誠之</t>
  </si>
  <si>
    <t>大分県中津市野依862-6</t>
  </si>
  <si>
    <t>0979-32-8550</t>
  </si>
  <si>
    <t>04420300063</t>
  </si>
  <si>
    <t>西日本電信電話株式会社　中津ビル</t>
  </si>
  <si>
    <t>871-0039</t>
  </si>
  <si>
    <t>大分県中津市天神町11</t>
  </si>
  <si>
    <t>06-6490-4543</t>
  </si>
  <si>
    <t>NWデザイン部NW基盤担当</t>
  </si>
  <si>
    <t>川島　龍太郎</t>
  </si>
  <si>
    <t>西日本電信電話株式会社</t>
  </si>
  <si>
    <t>代表取締役社長</t>
  </si>
  <si>
    <t>北村　亮太</t>
  </si>
  <si>
    <t>534-0024</t>
  </si>
  <si>
    <t>大阪府大阪市都島区東野田町4－15－82</t>
  </si>
  <si>
    <t>04420300064</t>
  </si>
  <si>
    <t>九州ケース株式会社本社工場</t>
  </si>
  <si>
    <t>871-0001</t>
  </si>
  <si>
    <t>大分県中津市大字大新田348－1</t>
  </si>
  <si>
    <t>0979-24-5610</t>
  </si>
  <si>
    <t>工場長</t>
  </si>
  <si>
    <t>塚崎　豊紀</t>
  </si>
  <si>
    <t>九州ケース株式会社</t>
  </si>
  <si>
    <t>井川　正</t>
  </si>
  <si>
    <t>799-0404</t>
  </si>
  <si>
    <t>愛媛県四国中央市三島宮川1丁目2番27号</t>
  </si>
  <si>
    <t>0896-23-5400</t>
  </si>
  <si>
    <t>04420300066</t>
  </si>
  <si>
    <t>中津大交ビル別館</t>
  </si>
  <si>
    <t>871-0032</t>
  </si>
  <si>
    <t>大分県中津市東本町1番8</t>
  </si>
  <si>
    <t>097-532-5326</t>
  </si>
  <si>
    <t>不動産事業部部長</t>
  </si>
  <si>
    <t>秋田　寿夫</t>
  </si>
  <si>
    <t>大分交通株式会社</t>
  </si>
  <si>
    <t>安倍　喜代治</t>
  </si>
  <si>
    <t>870-0015</t>
  </si>
  <si>
    <t>大分県大分市新川西一丁目3番15号</t>
  </si>
  <si>
    <t>04420300067</t>
  </si>
  <si>
    <t>山国側流域森林組合　第一加工所</t>
  </si>
  <si>
    <t>871-0405</t>
  </si>
  <si>
    <t>大分県中津市耶馬溪町大字柿坂1752番地5</t>
  </si>
  <si>
    <t>0979-54-3443</t>
  </si>
  <si>
    <t>係長</t>
  </si>
  <si>
    <t>梶原　栄一</t>
  </si>
  <si>
    <t>山国川流域森林組合</t>
  </si>
  <si>
    <t>代表理事組合長</t>
  </si>
  <si>
    <t>林　良巳</t>
  </si>
  <si>
    <t>871-0715</t>
  </si>
  <si>
    <t>大分県中津市山国町宇曽696番地1</t>
  </si>
  <si>
    <t>0979-62-3087</t>
  </si>
  <si>
    <t>04420300068</t>
  </si>
  <si>
    <t>鬼怒川ゴム工業株式会社　九州生産部第１工場</t>
  </si>
  <si>
    <t>879-0105</t>
  </si>
  <si>
    <t>大分県中津市犬丸３７０番地</t>
  </si>
  <si>
    <t>0979-32-6531</t>
  </si>
  <si>
    <t>中園　公孝</t>
  </si>
  <si>
    <t>鬼怒川ゴム工業株式会社</t>
  </si>
  <si>
    <t>増田　耕</t>
  </si>
  <si>
    <t>263-0005</t>
  </si>
  <si>
    <t>千葉県千葉市稲毛区長沼町３３０番地</t>
  </si>
  <si>
    <t>043-259-3111</t>
  </si>
  <si>
    <t>04420400004</t>
  </si>
  <si>
    <t>大分県立日田林工高等学校</t>
  </si>
  <si>
    <t>都道府県</t>
  </si>
  <si>
    <t>204</t>
  </si>
  <si>
    <t>877-0083</t>
  </si>
  <si>
    <t>大分県日田市吹上町30</t>
  </si>
  <si>
    <t>0973-22-5171</t>
  </si>
  <si>
    <t>教諭</t>
  </si>
  <si>
    <t>平川　祐介</t>
  </si>
  <si>
    <t>校長</t>
  </si>
  <si>
    <t>田崎　弘宣</t>
  </si>
  <si>
    <t>04420400017</t>
  </si>
  <si>
    <t>九州電力株式会社　水力発電本部　大分水力事業所　夜明発電所</t>
  </si>
  <si>
    <t>877-0000</t>
  </si>
  <si>
    <t>大分県日田市大字夜明字深田3754番地</t>
  </si>
  <si>
    <t>097-560-7757</t>
  </si>
  <si>
    <t>大分水力事業所長</t>
  </si>
  <si>
    <t>梶原　稔</t>
  </si>
  <si>
    <t>九州電力株式会社</t>
  </si>
  <si>
    <t>代表取締役社長執行役員</t>
  </si>
  <si>
    <t>池辺　和弘</t>
  </si>
  <si>
    <t>810-0004</t>
  </si>
  <si>
    <t>福岡県福岡市中央区渡辺通二丁目1番82号</t>
  </si>
  <si>
    <t>092-761-3031</t>
  </si>
  <si>
    <t>04420400022</t>
  </si>
  <si>
    <t>尾戸宮園土地改良組合　揚水場</t>
  </si>
  <si>
    <t>879-4121</t>
  </si>
  <si>
    <t>大分県日田市天瀬町馬原1525</t>
  </si>
  <si>
    <t>090-5477-7090</t>
  </si>
  <si>
    <t>江田　憲一</t>
  </si>
  <si>
    <t>尾戸宮園土地改良組合</t>
  </si>
  <si>
    <t>組合長</t>
  </si>
  <si>
    <t>04420400026</t>
  </si>
  <si>
    <t>株式会社亀山亭ホテル</t>
  </si>
  <si>
    <t>877-0044</t>
  </si>
  <si>
    <t>大分県日田市隈1丁目3-10</t>
  </si>
  <si>
    <t>0973-23-2191</t>
  </si>
  <si>
    <t>諫山　寿明</t>
  </si>
  <si>
    <t>株式会社　亀山亭ホテル</t>
  </si>
  <si>
    <t>諌山　寿明</t>
  </si>
  <si>
    <t>04420400033</t>
  </si>
  <si>
    <t>九州電力株式会社　水力発電本部　大分水力事業所　下筌発電所</t>
  </si>
  <si>
    <t>877-0301</t>
  </si>
  <si>
    <t>大分県日田市中津江村栃野5867番地6</t>
  </si>
  <si>
    <t>04420400044</t>
  </si>
  <si>
    <t>九州電力株式会社　水力発電本部　大分水力事業所　女子畑発電所</t>
  </si>
  <si>
    <t>879-4123</t>
  </si>
  <si>
    <t>大分県日田市天瀬町女子畑707番地1</t>
  </si>
  <si>
    <t>04420400045</t>
  </si>
  <si>
    <t>九州電力送配電株式会社　大分支社　大山変電所</t>
  </si>
  <si>
    <t>877-0201</t>
  </si>
  <si>
    <t>大分県日田市大山町西大山松原８</t>
  </si>
  <si>
    <t>097-537-8298</t>
  </si>
  <si>
    <t>電力部　変電工事グループ長</t>
  </si>
  <si>
    <t>谷口　浩之</t>
  </si>
  <si>
    <t>九州電力送配電株式会社</t>
  </si>
  <si>
    <t>今村　弘</t>
  </si>
  <si>
    <t>福岡県福岡市中央区渡辺通2丁目1番82号</t>
  </si>
  <si>
    <t>04420400053</t>
  </si>
  <si>
    <t>日田祇園山鉾会館</t>
  </si>
  <si>
    <t>大分県日田市隈2丁目7番10号日田山鉾会館</t>
  </si>
  <si>
    <t>0973-24-6453</t>
  </si>
  <si>
    <t>椋野　美智子</t>
  </si>
  <si>
    <t>日田市</t>
  </si>
  <si>
    <t>877-8601</t>
  </si>
  <si>
    <t>大分県日田市田島2丁目6番1号日田市役所</t>
  </si>
  <si>
    <t>0973-22-8210</t>
  </si>
  <si>
    <t>04420400054</t>
  </si>
  <si>
    <t>リバーサイドホテル山水館</t>
  </si>
  <si>
    <t>877-0043</t>
  </si>
  <si>
    <t>大分県日田市川原町3番23号リバーサイドホテル山水館</t>
  </si>
  <si>
    <t>0973-27-6606</t>
  </si>
  <si>
    <t>破産管財人弁護士</t>
  </si>
  <si>
    <t>森　正憲</t>
  </si>
  <si>
    <t>弁護士法人咸宜</t>
  </si>
  <si>
    <t>大分県日田市川原町1番32号</t>
  </si>
  <si>
    <t>04420400057</t>
  </si>
  <si>
    <t>自宅空地（旧一ノ宮製材所）</t>
  </si>
  <si>
    <t>877-0023</t>
  </si>
  <si>
    <t>大分県日田市大字田島744-5</t>
  </si>
  <si>
    <t>0973-23-1134</t>
  </si>
  <si>
    <t>一ノ宮　泰二</t>
  </si>
  <si>
    <t>04420400066</t>
  </si>
  <si>
    <t>九州電力送配電株式会社　大分支社　女子畑変電所</t>
  </si>
  <si>
    <t>092-761-3340</t>
  </si>
  <si>
    <t>04420400068</t>
  </si>
  <si>
    <t>株式会社井上製作所</t>
  </si>
  <si>
    <t>877-0312</t>
  </si>
  <si>
    <t>大分県日田市上津江町上野田６４番地の2</t>
  </si>
  <si>
    <t>0973-55-2021</t>
  </si>
  <si>
    <t>井上　洋平</t>
  </si>
  <si>
    <t>04420400069</t>
  </si>
  <si>
    <t>医療法人至誠会　城谷病院</t>
  </si>
  <si>
    <t>877-0013</t>
  </si>
  <si>
    <t>大分県日田市元町16番22号</t>
  </si>
  <si>
    <t>0973-23-6115</t>
  </si>
  <si>
    <t>森　春美</t>
  </si>
  <si>
    <t>城谷　徹朗</t>
  </si>
  <si>
    <t>04420400070</t>
  </si>
  <si>
    <t>公益財団法人　日田玖珠地域産業振興センター</t>
  </si>
  <si>
    <t>877-0016</t>
  </si>
  <si>
    <t>大分県日田市三本松2丁目3番1号</t>
  </si>
  <si>
    <t>0973-22-3115</t>
  </si>
  <si>
    <t>事務局長</t>
  </si>
  <si>
    <t>大隈　朋道</t>
  </si>
  <si>
    <t>04420400071</t>
  </si>
  <si>
    <t>大分県農業協同組合　西部エリア</t>
  </si>
  <si>
    <t>877-0011</t>
  </si>
  <si>
    <t>大分県日田市中城町205</t>
  </si>
  <si>
    <t>0973-23-2111</t>
  </si>
  <si>
    <t>西部営農経済管理課</t>
  </si>
  <si>
    <t>坂本　圭輔</t>
  </si>
  <si>
    <t>大分県農業協同組合</t>
  </si>
  <si>
    <t>平間　悟</t>
  </si>
  <si>
    <t>870-0846</t>
  </si>
  <si>
    <t>大分県大分市花園三丁目2番10号</t>
  </si>
  <si>
    <t>04420400072</t>
  </si>
  <si>
    <t>大分大山農業協同組合伝里工場</t>
  </si>
  <si>
    <t>877-0202</t>
  </si>
  <si>
    <t>大分県日田市大山町東大山字伝里2065</t>
  </si>
  <si>
    <t>0973-52-3151</t>
  </si>
  <si>
    <t>矢羽田　正豪</t>
  </si>
  <si>
    <t>大分大山農業協同組合</t>
  </si>
  <si>
    <t>大分県日田市大山町西大山3487番地</t>
  </si>
  <si>
    <t>04420400074</t>
  </si>
  <si>
    <t>有限会社寶屋本店</t>
  </si>
  <si>
    <t>大分県日田市元町13番1号</t>
  </si>
  <si>
    <t>0973-24-4366</t>
  </si>
  <si>
    <t>佐々木　美穂</t>
  </si>
  <si>
    <t>有限会社寶屋</t>
  </si>
  <si>
    <t>04420400076</t>
  </si>
  <si>
    <t>西日本電信電話株式会社日田ニューメディアビル</t>
  </si>
  <si>
    <t>877-000</t>
  </si>
  <si>
    <t>大分県日田市友田町2893番地44日田ニューメディアビル</t>
  </si>
  <si>
    <t>NWデザイン部　NW基盤担当</t>
  </si>
  <si>
    <t>04420400078</t>
  </si>
  <si>
    <t>NHK日田テレビFM放送所</t>
  </si>
  <si>
    <t>877-1361</t>
  </si>
  <si>
    <t>大分県日田市大字有田字三尾2655－10</t>
  </si>
  <si>
    <t>日本放送協会大分放送局</t>
  </si>
  <si>
    <t>04420500003</t>
  </si>
  <si>
    <t>太平洋セメント株式会社　大分工場（佐伯プラント）</t>
  </si>
  <si>
    <t>205</t>
  </si>
  <si>
    <t>876-1106</t>
  </si>
  <si>
    <t>大分県佐伯市大字戸穴337-1</t>
  </si>
  <si>
    <t>0972-27-8817</t>
  </si>
  <si>
    <t>設備部　電機課</t>
  </si>
  <si>
    <t>藤田　将吾</t>
  </si>
  <si>
    <t>太平洋セメント株式会社</t>
  </si>
  <si>
    <t>田浦　良文</t>
  </si>
  <si>
    <t>112-0002</t>
  </si>
  <si>
    <t>東京都文京区小石川一丁目1番1号　文京ガーデンゲートタワー</t>
  </si>
  <si>
    <t>03-5081-0333</t>
  </si>
  <si>
    <t>04420500015</t>
  </si>
  <si>
    <t>九州電力送配電株式会社　大分支社　海崎変電所</t>
  </si>
  <si>
    <t>876-1105</t>
  </si>
  <si>
    <t>大分県佐伯市大字海崎字天迫2250番地1</t>
  </si>
  <si>
    <t>04420500025</t>
  </si>
  <si>
    <t>大分県漁業協同組合　鶴見製氷工場</t>
  </si>
  <si>
    <t>876-1202</t>
  </si>
  <si>
    <t>大分県佐伯市鶴見大字地松浦地先206番地16</t>
  </si>
  <si>
    <t>0972-33-1121</t>
  </si>
  <si>
    <t>総務課　課長</t>
  </si>
  <si>
    <t>平川　孝幸</t>
  </si>
  <si>
    <t>大分県漁業協同組合　鶴見支店</t>
  </si>
  <si>
    <t>支店長</t>
  </si>
  <si>
    <t>磯部　幸二</t>
  </si>
  <si>
    <t>大分県佐伯市鶴見大字地松浦206番地16</t>
  </si>
  <si>
    <t>04420500035</t>
  </si>
  <si>
    <t>大和冷機工業株式会社　上岡工場</t>
  </si>
  <si>
    <t>876-0047</t>
  </si>
  <si>
    <t>大分県佐伯市鶴岡西町2丁目270番地</t>
  </si>
  <si>
    <t>080-9592-1862</t>
  </si>
  <si>
    <t>生産技術部</t>
  </si>
  <si>
    <t>渡邉　和幸</t>
  </si>
  <si>
    <t>大和冷機工業株式会社</t>
  </si>
  <si>
    <t>尾崎　敦史</t>
  </si>
  <si>
    <t>543-0028</t>
  </si>
  <si>
    <t>大阪府大阪市天王寺区小橋町3番13号</t>
  </si>
  <si>
    <t>06-6767-8171</t>
  </si>
  <si>
    <t>04420500039</t>
  </si>
  <si>
    <t>大分県漁業協同組合　蒲江製氷工場・冷蔵施設</t>
  </si>
  <si>
    <t>876-2401</t>
  </si>
  <si>
    <t>大分県佐伯市蒲江大字蒲江浦5104-1・5104</t>
  </si>
  <si>
    <t>0972-42-0079</t>
  </si>
  <si>
    <t>購買･製氷課長</t>
  </si>
  <si>
    <t>後藤　錦二</t>
  </si>
  <si>
    <t>大分県漁業協同組合　蒲江支店</t>
  </si>
  <si>
    <t>甲斐　昌彦</t>
  </si>
  <si>
    <t>大分県佐伯市蒲江大字蒲江浦5104番地8</t>
  </si>
  <si>
    <t>0972-42-0004</t>
  </si>
  <si>
    <t>04420500047</t>
  </si>
  <si>
    <t>西日本電信電話株式会社　佐伯ビル</t>
  </si>
  <si>
    <t>大分県佐伯市中村西町2番30号</t>
  </si>
  <si>
    <t>NW基盤担当</t>
  </si>
  <si>
    <t>04420500051</t>
  </si>
  <si>
    <t>ビジネスホテルサンセイ</t>
  </si>
  <si>
    <t>876-0852</t>
  </si>
  <si>
    <t>大分県佐伯市常盤南町9番4号</t>
  </si>
  <si>
    <t>0972-22-2782</t>
  </si>
  <si>
    <t>塚本　誠</t>
  </si>
  <si>
    <t>有限会社ビジネスホテルサンセイ</t>
  </si>
  <si>
    <t>取締役</t>
  </si>
  <si>
    <t>仲矢　正子</t>
  </si>
  <si>
    <t>04420500053</t>
  </si>
  <si>
    <t>有限会社石原工業</t>
  </si>
  <si>
    <t>876-0811</t>
  </si>
  <si>
    <t>大分県佐伯市鶴谷町1丁目2－8</t>
  </si>
  <si>
    <t>0972-24-0490</t>
  </si>
  <si>
    <t>石原　信也</t>
  </si>
  <si>
    <t>04420500054</t>
  </si>
  <si>
    <t>有限会社橋本林産</t>
  </si>
  <si>
    <t>876-0211</t>
  </si>
  <si>
    <t>大分県佐伯市本匠井ノ上548－1番地</t>
  </si>
  <si>
    <t>0972-57-6032</t>
  </si>
  <si>
    <t>橋本　英明</t>
  </si>
  <si>
    <t>大分県佐伯市本匠大字井ノ上548－1</t>
  </si>
  <si>
    <t>04420500055</t>
  </si>
  <si>
    <t>有限会社　豊和製作所</t>
  </si>
  <si>
    <t>876-0849</t>
  </si>
  <si>
    <t>大分県佐伯市臼坪23－16</t>
  </si>
  <si>
    <t>0972-23-6118</t>
  </si>
  <si>
    <t>風戸　啓介</t>
  </si>
  <si>
    <t>04420500056</t>
  </si>
  <si>
    <t>佐伯セントラルホテル</t>
  </si>
  <si>
    <t>876-0844</t>
  </si>
  <si>
    <t>大分県佐伯市向島2丁目11－33</t>
  </si>
  <si>
    <t>0972-22-8511</t>
  </si>
  <si>
    <t>山本　徹</t>
  </si>
  <si>
    <t>株式会社　サンテツ</t>
  </si>
  <si>
    <t>876-0806</t>
  </si>
  <si>
    <t>大分県佐伯市春日町8番26号</t>
  </si>
  <si>
    <t>0972-22-5211</t>
  </si>
  <si>
    <t>04420500057</t>
  </si>
  <si>
    <t>NTT西日本　海崎交換所</t>
  </si>
  <si>
    <t>大分県佐伯市戸穴345－1</t>
  </si>
  <si>
    <t>NW基盤担当課長</t>
  </si>
  <si>
    <t>04420500058</t>
  </si>
  <si>
    <t>株式会社サンテツ　有機資材事業部</t>
  </si>
  <si>
    <t>876-0821</t>
  </si>
  <si>
    <t>大分県佐伯市東浜2－10897番地66場内</t>
  </si>
  <si>
    <t>0972-23-8202</t>
  </si>
  <si>
    <t>顧問</t>
  </si>
  <si>
    <t>田辺　稔彦</t>
  </si>
  <si>
    <t>株式会社サンテツ</t>
  </si>
  <si>
    <t>04420600002</t>
  </si>
  <si>
    <t>臼杵市役所臼杵庁舎</t>
  </si>
  <si>
    <t>206</t>
  </si>
  <si>
    <t>875-0041</t>
  </si>
  <si>
    <t>大分県臼杵市大字臼杵72番地の1</t>
  </si>
  <si>
    <t>0972-63-1111</t>
  </si>
  <si>
    <t>教育総務課　課長</t>
  </si>
  <si>
    <t>佐藤　忠久</t>
  </si>
  <si>
    <t>臼杵市</t>
  </si>
  <si>
    <t>臼杵市長</t>
  </si>
  <si>
    <t>西岡　隆</t>
  </si>
  <si>
    <t>大分県臼杵市大字臼杵72番1臼杵市役所</t>
  </si>
  <si>
    <t>04420600005</t>
  </si>
  <si>
    <t>株式会社臼杵造船所</t>
  </si>
  <si>
    <t>875-0034</t>
  </si>
  <si>
    <t>大分県臼杵市大字板知屋１番地１２</t>
  </si>
  <si>
    <t>0972-63-1156</t>
  </si>
  <si>
    <t>鉄鋼事業部</t>
  </si>
  <si>
    <t>児玉　聡</t>
  </si>
  <si>
    <t>山本　勇一</t>
  </si>
  <si>
    <t>0972-63-1011</t>
  </si>
  <si>
    <t>04420600014</t>
  </si>
  <si>
    <t>九州電力送配電株式会社　大分支社　臼杵変電所</t>
  </si>
  <si>
    <t>875-0043</t>
  </si>
  <si>
    <t>大分県臼杵市大字仁王座字神の木原221番地</t>
  </si>
  <si>
    <t>04420600017</t>
  </si>
  <si>
    <t>下ノ江造船株式会社</t>
  </si>
  <si>
    <t>875-0002</t>
  </si>
  <si>
    <t>大分県臼杵市大字下ノ江1200番地</t>
  </si>
  <si>
    <t>0972-67-2216</t>
  </si>
  <si>
    <t>設備管理課　課長</t>
  </si>
  <si>
    <t>日名子　修</t>
  </si>
  <si>
    <t>田中　章夫</t>
  </si>
  <si>
    <t>04420600020</t>
  </si>
  <si>
    <t>大分醤油協業組合</t>
  </si>
  <si>
    <t>875-0063</t>
  </si>
  <si>
    <t>大分県臼杵市望月1500</t>
  </si>
  <si>
    <t>0972-63-6111</t>
  </si>
  <si>
    <t>施設環境保全課</t>
  </si>
  <si>
    <t>釘宮　敬悟</t>
  </si>
  <si>
    <t>小手川　強二</t>
  </si>
  <si>
    <t>04420600021</t>
  </si>
  <si>
    <t>臼杵市医師会介護老人保健施設　南山園</t>
  </si>
  <si>
    <t>875-0042</t>
  </si>
  <si>
    <t>大分県臼杵市大字海添250番地</t>
  </si>
  <si>
    <t>0972-62-8151</t>
  </si>
  <si>
    <t>事務係長</t>
  </si>
  <si>
    <t>児玉　正剛</t>
  </si>
  <si>
    <t>奥津　明</t>
  </si>
  <si>
    <t>04420600029</t>
  </si>
  <si>
    <t>大分味岡生コンクリート株式会社</t>
  </si>
  <si>
    <t>870-0073</t>
  </si>
  <si>
    <t>大分県臼杵市大字掻懐水輪2119番地３</t>
  </si>
  <si>
    <t>0972-65-2332</t>
  </si>
  <si>
    <t>匹田　哲裕</t>
  </si>
  <si>
    <t>味岡　和國</t>
  </si>
  <si>
    <t>04420600031</t>
  </si>
  <si>
    <t>株式会社若林造船所</t>
  </si>
  <si>
    <t>大分県臼杵市大字下ノ江521番地</t>
  </si>
  <si>
    <t>0972-67-2311</t>
  </si>
  <si>
    <t>若林　史郎</t>
  </si>
  <si>
    <t>04420600033</t>
  </si>
  <si>
    <t>西日本電信電話株式会社　臼杵ビル</t>
  </si>
  <si>
    <t>大分県臼杵市臼杵9－3</t>
  </si>
  <si>
    <t>540-0007</t>
  </si>
  <si>
    <t>大阪府大阪市中央区馬場町3－15</t>
  </si>
  <si>
    <t>04442100002</t>
  </si>
  <si>
    <t>大分県農業協同組合　南部事業部</t>
  </si>
  <si>
    <t>875-0201</t>
  </si>
  <si>
    <t>大分県臼杵市野津町大字野津市625番地</t>
  </si>
  <si>
    <t>0972-25-1230</t>
  </si>
  <si>
    <t>南部エリア総務課</t>
  </si>
  <si>
    <t>管　博幸</t>
  </si>
  <si>
    <t>代表理事理事長</t>
  </si>
  <si>
    <t>097-535-7608</t>
  </si>
  <si>
    <t>04420700003</t>
  </si>
  <si>
    <t>太平洋セメント株式会社　大分工場</t>
  </si>
  <si>
    <t>207</t>
  </si>
  <si>
    <t>879-2471</t>
  </si>
  <si>
    <t>大分県津久見市合ノ元町2-1</t>
  </si>
  <si>
    <t>0972-82-3112</t>
  </si>
  <si>
    <t>設備部　電気課</t>
  </si>
  <si>
    <t>112-8503</t>
  </si>
  <si>
    <t>東京都文京区小石川一丁目1番1号　文京ガーデンゲートタワー台場ガーデンシティビル</t>
  </si>
  <si>
    <t>04420700011</t>
  </si>
  <si>
    <t>津久見市役所</t>
  </si>
  <si>
    <t>879-2476</t>
  </si>
  <si>
    <t>大分県津久見市宮本町20番15号</t>
  </si>
  <si>
    <t>0972-82-4111</t>
  </si>
  <si>
    <t>主幹</t>
  </si>
  <si>
    <t>幸　秦史</t>
  </si>
  <si>
    <t>津久見市</t>
  </si>
  <si>
    <t>津久見市長</t>
  </si>
  <si>
    <t>石川　正史</t>
  </si>
  <si>
    <t>879-2435</t>
  </si>
  <si>
    <t>04420700015</t>
  </si>
  <si>
    <t>大分太平洋鉱業株式会社</t>
  </si>
  <si>
    <t>879-2446</t>
  </si>
  <si>
    <t>大分県津久見市大字下青江3700番地</t>
  </si>
  <si>
    <t>0972-82-2162</t>
  </si>
  <si>
    <t>資源部　生産設備課</t>
  </si>
  <si>
    <t>古谷　忠敏</t>
  </si>
  <si>
    <t>東　晋吾</t>
  </si>
  <si>
    <t>0972-85-0271</t>
  </si>
  <si>
    <t>04420700018</t>
  </si>
  <si>
    <t>旧長目小学校</t>
  </si>
  <si>
    <t>大分県津久見市大字長目1698番地</t>
  </si>
  <si>
    <t>幸　泰史</t>
  </si>
  <si>
    <t>04420700025</t>
  </si>
  <si>
    <t>米床石灰工業株式会社</t>
  </si>
  <si>
    <t>879-2474</t>
  </si>
  <si>
    <t>大分県津久見市大字徳浦瀬の上2066－1</t>
  </si>
  <si>
    <t>0972-82-3161</t>
  </si>
  <si>
    <t>薬師寺　政字</t>
  </si>
  <si>
    <t>大分県津久見市合ノ元町１番１８号</t>
  </si>
  <si>
    <t>04420700026</t>
  </si>
  <si>
    <t>大分県立津久見高等学校</t>
  </si>
  <si>
    <t>879-2421</t>
  </si>
  <si>
    <t>大分県津久見市津久見3485－1</t>
  </si>
  <si>
    <t>0972-82-4126</t>
  </si>
  <si>
    <t>統括事務長</t>
  </si>
  <si>
    <t>毛利　留美</t>
  </si>
  <si>
    <t>佐藤　毅</t>
  </si>
  <si>
    <t>大分県津久見市</t>
  </si>
  <si>
    <t>04420800018</t>
  </si>
  <si>
    <t>株式会社丸福</t>
  </si>
  <si>
    <t>208</t>
  </si>
  <si>
    <t>879-6132</t>
  </si>
  <si>
    <t>大分県竹田市荻町西福寺5551番地2</t>
  </si>
  <si>
    <t>0974-68-2050</t>
  </si>
  <si>
    <t>工藤　厚憲</t>
  </si>
  <si>
    <t>04420800025</t>
  </si>
  <si>
    <t>大分県農業協同組合　豊肥エリア</t>
  </si>
  <si>
    <t>878-0026</t>
  </si>
  <si>
    <t>大分県竹田市大字飛田川2095－1</t>
  </si>
  <si>
    <t>0974-63-1011</t>
  </si>
  <si>
    <t>総務課</t>
  </si>
  <si>
    <t>那須　伸次</t>
  </si>
  <si>
    <t>代表理事長</t>
  </si>
  <si>
    <t>大分県大分市花園三丁目２番１０号</t>
  </si>
  <si>
    <t>097-535-7600</t>
  </si>
  <si>
    <t>04420800026</t>
  </si>
  <si>
    <t>竹田土木事務所</t>
  </si>
  <si>
    <t>878-0013</t>
  </si>
  <si>
    <t>大分県竹田市大字竹田字山手1501－2</t>
  </si>
  <si>
    <t>0974-63-2104</t>
  </si>
  <si>
    <t>甲斐　星矢</t>
  </si>
  <si>
    <t>栗林　克成</t>
  </si>
  <si>
    <t>04420900022</t>
  </si>
  <si>
    <t>九州電力配送電株式会社　大分支社　高田変電所</t>
  </si>
  <si>
    <t>209</t>
  </si>
  <si>
    <t>879-0617</t>
  </si>
  <si>
    <t>大分県豊後高田市高田字小ノ瀬2949番地</t>
  </si>
  <si>
    <t>04420900026</t>
  </si>
  <si>
    <t>ひかり会館</t>
  </si>
  <si>
    <t>大分県豊後高田市大字高田2104</t>
  </si>
  <si>
    <t>0978-24-2640</t>
  </si>
  <si>
    <t>弓長　浩司</t>
  </si>
  <si>
    <t>有限会社コスモエンタープライズ</t>
  </si>
  <si>
    <t>879-0471</t>
  </si>
  <si>
    <t>大分県豊後高田市大字四日市1466番地の1</t>
  </si>
  <si>
    <t>090-8831-8231</t>
  </si>
  <si>
    <t>04421000011</t>
  </si>
  <si>
    <t>九州電力送配電株式会社　大分支社　野原変電所</t>
  </si>
  <si>
    <t>210</t>
  </si>
  <si>
    <t>879-1307</t>
  </si>
  <si>
    <t>大分県杵築市山香町大字野原字鰻穴961-2</t>
  </si>
  <si>
    <t>04421000014</t>
  </si>
  <si>
    <t>医療法人愛一歩会　みやうちウイメンズクリニック</t>
  </si>
  <si>
    <t>873-0001</t>
  </si>
  <si>
    <t>大分県杵築市杵築字北浜665-501</t>
  </si>
  <si>
    <t>097-573-3520</t>
  </si>
  <si>
    <t>破産者医療法人愛一歩破産管財人</t>
  </si>
  <si>
    <t>森脇　宏</t>
  </si>
  <si>
    <t>森脇・田中法律事務所　破産者医療法人愛一歩破産管財人</t>
  </si>
  <si>
    <t>870-0045</t>
  </si>
  <si>
    <t>大分県大分市城崎二丁目2番19号城崎法務ビル501</t>
  </si>
  <si>
    <t>04421000020</t>
  </si>
  <si>
    <t>安心院土地改良区　古川揚水機場</t>
  </si>
  <si>
    <t>879-1313</t>
  </si>
  <si>
    <t>大分県杵築市山香町久木野尾</t>
  </si>
  <si>
    <t>0978-44-0128</t>
  </si>
  <si>
    <t>管理課長</t>
  </si>
  <si>
    <t>福井　大</t>
  </si>
  <si>
    <t>安心院土地改良区</t>
  </si>
  <si>
    <t>菅原　維範</t>
  </si>
  <si>
    <t>852-0521</t>
  </si>
  <si>
    <t>大分県宇佐市安心院町下毛2155番地安心院地域複合支所内2階</t>
  </si>
  <si>
    <t>04421000021</t>
  </si>
  <si>
    <t>西日本電信電話株式会社　杵築別館ビル</t>
  </si>
  <si>
    <t>大分県杵築市杵築665－251</t>
  </si>
  <si>
    <t>04421100037</t>
  </si>
  <si>
    <t>有徳原第２団地　第２加圧機場</t>
  </si>
  <si>
    <t>211</t>
  </si>
  <si>
    <t>872-0507</t>
  </si>
  <si>
    <t>大分県宇佐市安心院町木裳</t>
  </si>
  <si>
    <t>872-0521</t>
  </si>
  <si>
    <t>大分県宇佐市安心院町下毛2155番地安心院地域複合支所</t>
  </si>
  <si>
    <t>7</t>
  </si>
  <si>
    <t>04421100038</t>
  </si>
  <si>
    <t>松本第１団地　揚水機場</t>
  </si>
  <si>
    <t>872-0843</t>
  </si>
  <si>
    <t>大分県宇佐市安心院町筌ノ口中障子</t>
  </si>
  <si>
    <t>04421100039</t>
  </si>
  <si>
    <t>松本第１団地　加圧機場</t>
  </si>
  <si>
    <t>大分県宇佐市安心院町筌ノ口</t>
  </si>
  <si>
    <t>04421100056</t>
  </si>
  <si>
    <t>宇佐市清掃事業局業務第二課　ごみ焼却センター</t>
  </si>
  <si>
    <t>879-0307</t>
  </si>
  <si>
    <t>大分県宇佐市大字浜高家392番地の3</t>
  </si>
  <si>
    <t>0978-33-2233</t>
  </si>
  <si>
    <t>宇佐市清掃事業局業務第２課長</t>
  </si>
  <si>
    <t>南　哲哉</t>
  </si>
  <si>
    <t>宇佐市</t>
  </si>
  <si>
    <t>後藤　竜也</t>
  </si>
  <si>
    <t>879-0453</t>
  </si>
  <si>
    <t>大分県宇佐市大字上田1030番地の1宇佐市役所</t>
  </si>
  <si>
    <t>0978-32-1111</t>
  </si>
  <si>
    <t>04421100057</t>
  </si>
  <si>
    <t>宇佐市清掃事業局業務第二課　不燃物処理場</t>
  </si>
  <si>
    <t>大分県宇佐市安心院町下毛1335-2</t>
  </si>
  <si>
    <t>0978-44-1888</t>
  </si>
  <si>
    <t>宇佐市清掃事業局業務第二課長</t>
  </si>
  <si>
    <t>04421100069</t>
  </si>
  <si>
    <t>株式会社　光和</t>
  </si>
  <si>
    <t>大分県宇佐市大字城井1833-2</t>
  </si>
  <si>
    <t>0978-33-2559</t>
  </si>
  <si>
    <t>中本　保子（不動産の貸主）</t>
  </si>
  <si>
    <t>中本　保子</t>
  </si>
  <si>
    <t>大分県宇佐市四日市1645-64</t>
  </si>
  <si>
    <t>04421100073</t>
  </si>
  <si>
    <t>大分県農業協同組合北部エリア</t>
  </si>
  <si>
    <t>大分県宇佐市大字四日市1062－1</t>
  </si>
  <si>
    <t>0978-32-8701</t>
  </si>
  <si>
    <t>植山　修治</t>
  </si>
  <si>
    <t>04421100074</t>
  </si>
  <si>
    <t>大見尾加圧機構</t>
  </si>
  <si>
    <t>872-0663</t>
  </si>
  <si>
    <t>大分県宇佐市安心院町大見尾</t>
  </si>
  <si>
    <t>大分県宇佐市安心院町下毛2155番地</t>
  </si>
  <si>
    <t>04421100075</t>
  </si>
  <si>
    <t>板場加圧機場</t>
  </si>
  <si>
    <t>大分県宇佐市安心院町板場</t>
  </si>
  <si>
    <t>04421100076</t>
  </si>
  <si>
    <t>有徳原揚水機場</t>
  </si>
  <si>
    <t>872-0527</t>
  </si>
  <si>
    <t>大分県宇佐市安心院町辻</t>
  </si>
  <si>
    <t>04421100081</t>
  </si>
  <si>
    <t>NTT西日本　宇佐八幡交換所</t>
  </si>
  <si>
    <t>872-0102</t>
  </si>
  <si>
    <t>大分県宇佐市南宇佐2146－4</t>
  </si>
  <si>
    <t>NWデザイン部　NW基盤担当課長</t>
  </si>
  <si>
    <t>川嶋　龍太郎</t>
  </si>
  <si>
    <t>大阪府大阪市都島区東野田町4－45－82</t>
  </si>
  <si>
    <t>04421100082</t>
  </si>
  <si>
    <t>株式会社　九州フセラシ</t>
  </si>
  <si>
    <t>872-0023</t>
  </si>
  <si>
    <t>大分県宇佐市大字蜷木788</t>
  </si>
  <si>
    <t>0978-38-3511</t>
  </si>
  <si>
    <t>総務課課長</t>
  </si>
  <si>
    <t>竹下　繁</t>
  </si>
  <si>
    <t>嶋田　守</t>
  </si>
  <si>
    <t>04421100083</t>
  </si>
  <si>
    <t>株式会社 FKP</t>
  </si>
  <si>
    <t>879-0308</t>
  </si>
  <si>
    <t>大分県宇佐市大字下高家2019番地</t>
  </si>
  <si>
    <t>0978-33-3533</t>
  </si>
  <si>
    <t>管理部課長</t>
  </si>
  <si>
    <t>石川　憲章</t>
  </si>
  <si>
    <t>株式会社　FKP</t>
  </si>
  <si>
    <t>04421100084</t>
  </si>
  <si>
    <t>大分県宇佐総合庁舎</t>
  </si>
  <si>
    <t>879-0454</t>
  </si>
  <si>
    <t>大分県宇佐市大字宝鏡寺235－1</t>
  </si>
  <si>
    <t>0978-32-1170</t>
  </si>
  <si>
    <t>総務部総務第二班　主事</t>
  </si>
  <si>
    <t>佐藤　裕一郎</t>
  </si>
  <si>
    <t>大分県北部振興局</t>
  </si>
  <si>
    <t>柴北　友美</t>
  </si>
  <si>
    <t>04421100085</t>
  </si>
  <si>
    <t>九州農政局駅館川農地整備事業所</t>
  </si>
  <si>
    <t>国</t>
  </si>
  <si>
    <t>879-0444</t>
  </si>
  <si>
    <t>大分県宇佐市石田43－1</t>
  </si>
  <si>
    <t>0978-34-6277</t>
  </si>
  <si>
    <t>調査設計課</t>
  </si>
  <si>
    <t>中村　安茂</t>
  </si>
  <si>
    <t>04421200013</t>
  </si>
  <si>
    <t>大分県立三重総合高等学校</t>
  </si>
  <si>
    <t>212</t>
  </si>
  <si>
    <t>879-7141</t>
  </si>
  <si>
    <t>大分県豊後大野市三重町秋葉１０１０番地</t>
  </si>
  <si>
    <t>0974-22-5500</t>
  </si>
  <si>
    <t>赤嶺　康治</t>
  </si>
  <si>
    <t>永嶺　ひろ子</t>
  </si>
  <si>
    <t>04421200034</t>
  </si>
  <si>
    <t>三和コンクリート株式会社</t>
  </si>
  <si>
    <t>879-7102</t>
  </si>
  <si>
    <t>大分県豊後大野市三和コンクリート株式会社</t>
  </si>
  <si>
    <t>0974-22-3303</t>
  </si>
  <si>
    <t>次長兼工場長</t>
  </si>
  <si>
    <t>田上　修一</t>
  </si>
  <si>
    <t>古手川　正治</t>
  </si>
  <si>
    <t>大分県豊後大野市三重町管生431－34</t>
  </si>
  <si>
    <t>04421200035</t>
  </si>
  <si>
    <t>合資会社　橋本屋商事</t>
  </si>
  <si>
    <t>879-7111</t>
  </si>
  <si>
    <t>大分県豊後大野市三重町赤嶺3007の2番地日坂ビル</t>
  </si>
  <si>
    <t>0974-75-3075</t>
  </si>
  <si>
    <t>御沓　洋子</t>
  </si>
  <si>
    <t>合同会社　橋本屋</t>
  </si>
  <si>
    <t>大分県豊後大野市三重町赤嶺3007の2番地</t>
  </si>
  <si>
    <t>04421300008</t>
  </si>
  <si>
    <t>九州電力送配電株式会社　大分支社　幸野発電所</t>
  </si>
  <si>
    <t>213</t>
  </si>
  <si>
    <t>879-5111</t>
  </si>
  <si>
    <t>大分県由布市湯布院町下湯平字岩下2167番地</t>
  </si>
  <si>
    <t>大分支社　電力部　変電工事グループ長</t>
  </si>
  <si>
    <t>九州電力配送電株式会社</t>
  </si>
  <si>
    <t>福岡県福岡市中央区渡邊通2丁目1番82号</t>
  </si>
  <si>
    <t>04421300013</t>
  </si>
  <si>
    <t>大分県企業局　芹川第一発電所</t>
  </si>
  <si>
    <t>879-5412</t>
  </si>
  <si>
    <t>大分県由布市庄内町五番ヶ瀬字新貝1871</t>
  </si>
  <si>
    <t>097-597-6880</t>
  </si>
  <si>
    <t>発電管理部　課長補佐</t>
  </si>
  <si>
    <t>小川　美穂</t>
  </si>
  <si>
    <t>大分県企業局</t>
  </si>
  <si>
    <t>渡辺　淳一</t>
  </si>
  <si>
    <t>870-8501</t>
  </si>
  <si>
    <t>大分県大分市大手町3丁目1番1号</t>
  </si>
  <si>
    <t>097-534-1000</t>
  </si>
  <si>
    <t>04421300015</t>
  </si>
  <si>
    <t>由布市湯布院スポーツセンター</t>
  </si>
  <si>
    <t>879-5113</t>
  </si>
  <si>
    <t>大分県由布市湯布院町川西1200番地1</t>
  </si>
  <si>
    <t>097-582-1217</t>
  </si>
  <si>
    <t>由布市教育委員会スポーツ振興課長</t>
  </si>
  <si>
    <t>松本　知行</t>
  </si>
  <si>
    <t>由布市</t>
  </si>
  <si>
    <t>由布市長</t>
  </si>
  <si>
    <t>相馬　尊重</t>
  </si>
  <si>
    <t>879-5424</t>
  </si>
  <si>
    <t>大分県由布市庄内町柿原302番地</t>
  </si>
  <si>
    <t>097-582-1111</t>
  </si>
  <si>
    <t>04421300017</t>
  </si>
  <si>
    <t>由布市環境衛生センター</t>
  </si>
  <si>
    <t>879-5501</t>
  </si>
  <si>
    <t>大分県由布市挟間町鬼崎782番地1</t>
  </si>
  <si>
    <t>097-583-0862</t>
  </si>
  <si>
    <t>環境課副主幹</t>
  </si>
  <si>
    <t>内田　宏</t>
  </si>
  <si>
    <t>879-5421</t>
  </si>
  <si>
    <t>04421300018</t>
  </si>
  <si>
    <t>国立大学法人　大分大学</t>
  </si>
  <si>
    <t>879-5503</t>
  </si>
  <si>
    <t>大分県由布市狭間町医大ケ丘1丁目1番地</t>
  </si>
  <si>
    <t>097-586-5330</t>
  </si>
  <si>
    <t>施設整備グループ主査</t>
  </si>
  <si>
    <t>山本　雄介</t>
  </si>
  <si>
    <t>学長</t>
  </si>
  <si>
    <t>北野　正剛</t>
  </si>
  <si>
    <t>870-1124</t>
  </si>
  <si>
    <t>大分県大分市大字旦野原700番地</t>
  </si>
  <si>
    <t>097-554-7434</t>
  </si>
  <si>
    <t>04421400002</t>
  </si>
  <si>
    <t>大分県東部振興局</t>
  </si>
  <si>
    <t>214</t>
  </si>
  <si>
    <t>873-0504</t>
  </si>
  <si>
    <t>大分県国東市国東町安国寺７８６－１</t>
  </si>
  <si>
    <t>0978-72-1127</t>
  </si>
  <si>
    <t>副主幹</t>
  </si>
  <si>
    <t>平野　将士</t>
  </si>
  <si>
    <t>大分県東部振興局長</t>
  </si>
  <si>
    <t>神崎　文隆</t>
  </si>
  <si>
    <t>大分県国東市国東町安国寺786-1</t>
  </si>
  <si>
    <t>0978-72-1215</t>
  </si>
  <si>
    <t>04421400008</t>
  </si>
  <si>
    <t>大分県農業協同組合　東部エリア営農経済センター</t>
  </si>
  <si>
    <t>873-0503</t>
  </si>
  <si>
    <t>大分県国東市国東町鶴川56番地1</t>
  </si>
  <si>
    <t>0978-72-3321</t>
  </si>
  <si>
    <t>白井　厚</t>
  </si>
  <si>
    <t>870-0854</t>
  </si>
  <si>
    <t>大分県大分市大字花園三丁目2番10号</t>
  </si>
  <si>
    <t>04434100007</t>
  </si>
  <si>
    <t>九州電力送配電株式会社　大分支社　日出変電所</t>
  </si>
  <si>
    <t>341</t>
  </si>
  <si>
    <t>879-1505</t>
  </si>
  <si>
    <t>大分県日出町大字川崎宇野地1090番地</t>
  </si>
  <si>
    <t>04434100011</t>
  </si>
  <si>
    <t>片倉コープアグリ株式会社　日出工場</t>
  </si>
  <si>
    <t>大分県日出町大字川崎字浜田5969番3号</t>
  </si>
  <si>
    <t>0977-72-1122</t>
  </si>
  <si>
    <t>鈴木　啓悟</t>
  </si>
  <si>
    <t>片倉コープアグリ株式会社日出工場</t>
  </si>
  <si>
    <t>大分県速見郡日出町大字川崎字浜田5969番3号</t>
  </si>
  <si>
    <t>04434100013</t>
  </si>
  <si>
    <t>株式会社長松商店</t>
  </si>
  <si>
    <t>大分県日出町大字川﨑字平原</t>
  </si>
  <si>
    <t>0977-72-8433</t>
  </si>
  <si>
    <t>長松　浩三</t>
  </si>
  <si>
    <t>874-0023</t>
  </si>
  <si>
    <t>大分県別府市上人ヶ浜町2番49号</t>
  </si>
  <si>
    <t>0977-66-0772</t>
  </si>
  <si>
    <t>04434100018</t>
  </si>
  <si>
    <t>大分県東部振興局　日出水利耕地事務所</t>
  </si>
  <si>
    <t>879-1506</t>
  </si>
  <si>
    <t>大分県日出町字仁王山3531－24</t>
  </si>
  <si>
    <t>0977-72-2018</t>
  </si>
  <si>
    <t>清水　恵子</t>
  </si>
  <si>
    <t>日出水利耕地事務所長</t>
  </si>
  <si>
    <t>坂元　大輔</t>
  </si>
  <si>
    <t>大分県速見郡日出町字仁王山3531－24</t>
  </si>
  <si>
    <t>04434100019</t>
  </si>
  <si>
    <t>豊洋電気工事（株）赤松事業所</t>
  </si>
  <si>
    <t>879-1502</t>
  </si>
  <si>
    <t>大分県日出町藤原中尾4936－60赤松事業所</t>
  </si>
  <si>
    <t>0975-49-4508</t>
  </si>
  <si>
    <t>専務取締役</t>
  </si>
  <si>
    <t>狭間　良治</t>
  </si>
  <si>
    <t>豊洋電気工事株式会社</t>
  </si>
  <si>
    <t>木戸　康雄</t>
  </si>
  <si>
    <t>870-0879</t>
  </si>
  <si>
    <t>大分県大分市金谷迫207番地</t>
  </si>
  <si>
    <t>097-549-4508</t>
  </si>
  <si>
    <t>04446100004</t>
  </si>
  <si>
    <t>九電みらいエナジー株式会社　八丁原発電所</t>
  </si>
  <si>
    <t>461</t>
  </si>
  <si>
    <t>879-4912</t>
  </si>
  <si>
    <t>大分県九重町大字湯坪字八丁原601番地</t>
  </si>
  <si>
    <t>0973-79-2801</t>
  </si>
  <si>
    <t>メンテナンスグループ課長</t>
  </si>
  <si>
    <t>小田巻　隆志</t>
  </si>
  <si>
    <t>九電みらいエナジー株式会社　八丁原発電所長</t>
  </si>
  <si>
    <t>八丁原発電所長</t>
  </si>
  <si>
    <t>松尾　哲也</t>
  </si>
  <si>
    <t>大分県玖珠郡九重町大字湯坪字八丁原601番地</t>
  </si>
  <si>
    <t>04446100007</t>
  </si>
  <si>
    <t>白山工業株式会社</t>
  </si>
  <si>
    <t>879-4801</t>
  </si>
  <si>
    <t>大分県九重町大字右田１０５８－４</t>
  </si>
  <si>
    <t>0973-77-6024</t>
  </si>
  <si>
    <t>鍋倉　輝</t>
  </si>
  <si>
    <t>石橋　建藏</t>
  </si>
  <si>
    <t>大分県玖珠郡九重町大字右田１０５８－４</t>
  </si>
  <si>
    <t>04446100008</t>
  </si>
  <si>
    <t>九州電力株式会社　水力発電本部　大分水力事業所　町田第二発電所</t>
  </si>
  <si>
    <t>879-4800</t>
  </si>
  <si>
    <t>大分県九重町大字責の釣378番地</t>
  </si>
  <si>
    <t>04446100009</t>
  </si>
  <si>
    <t>九州電力送配電株式会社　大分支社　野上変電所</t>
  </si>
  <si>
    <t>879-4802</t>
  </si>
  <si>
    <t>大分県九重町大字野上字本村526番地</t>
  </si>
  <si>
    <t>大分支社電力部　変電工事グループ長</t>
  </si>
  <si>
    <t>04446200011</t>
  </si>
  <si>
    <t>有限会社さとや葬儀社玖珠斎場</t>
  </si>
  <si>
    <t>462</t>
  </si>
  <si>
    <t>879-4414</t>
  </si>
  <si>
    <t>大分県玖珠町大字大隈245-2</t>
  </si>
  <si>
    <t>0973-72-7500</t>
  </si>
  <si>
    <t>有限会社さとや葬儀社</t>
  </si>
  <si>
    <t>879-4413</t>
  </si>
  <si>
    <t>大分県玖珠郡玖珠町大字塚脇334番地の1</t>
  </si>
  <si>
    <t>0973-72-0320</t>
  </si>
  <si>
    <t>04446200013</t>
  </si>
  <si>
    <t>大分県玖珠家畜保健衛生所</t>
  </si>
  <si>
    <t>大分県玖珠町大字大隈1038－1</t>
  </si>
  <si>
    <t>0973-72-0313</t>
  </si>
  <si>
    <t>次長</t>
  </si>
  <si>
    <t>人見　徹</t>
  </si>
  <si>
    <t>堀　浩司</t>
  </si>
  <si>
    <t>大分県玖珠郡玖珠町大字大隈1038－1</t>
  </si>
  <si>
    <t>ID</t>
  </si>
  <si>
    <t>事業場名称</t>
  </si>
  <si>
    <t>所在地</t>
  </si>
  <si>
    <t>管理地域事務所名</t>
  </si>
  <si>
    <t>管理責任者氏名</t>
  </si>
  <si>
    <t>管理責任者職名</t>
  </si>
  <si>
    <t>届出者名称</t>
  </si>
  <si>
    <t>届出者代表者氏名</t>
  </si>
  <si>
    <t>届出者住所</t>
  </si>
  <si>
    <t>届出者郵便番号</t>
  </si>
  <si>
    <t>届出者電話番号</t>
  </si>
  <si>
    <t>届出者資本額</t>
  </si>
  <si>
    <t>届出者従業員数</t>
  </si>
  <si>
    <t>届出者業種</t>
  </si>
  <si>
    <t>最新届出年月日</t>
  </si>
  <si>
    <t>出資法人名称（１）</t>
  </si>
  <si>
    <t>所有株式数、出資口数・価額</t>
  </si>
  <si>
    <t>割合</t>
  </si>
  <si>
    <t>出資者住所</t>
  </si>
  <si>
    <t>代表者氏名</t>
  </si>
  <si>
    <t>資本・出資の額</t>
  </si>
  <si>
    <t>出資法人名称（２）</t>
  </si>
  <si>
    <t>送付先</t>
  </si>
  <si>
    <t>送付先名称</t>
  </si>
  <si>
    <t>送付先住所</t>
  </si>
  <si>
    <t>送付先郵便番号</t>
  </si>
  <si>
    <t>担当者電話番号</t>
  </si>
  <si>
    <t>保管中</t>
  </si>
  <si>
    <t>廃棄物番号</t>
  </si>
  <si>
    <t>廃棄物種類</t>
  </si>
  <si>
    <t>詳細種類</t>
  </si>
  <si>
    <t>数量</t>
  </si>
  <si>
    <t>重量</t>
  </si>
  <si>
    <t>容積</t>
  </si>
  <si>
    <t>その他数量</t>
  </si>
  <si>
    <t>定格</t>
  </si>
  <si>
    <t>容器性状</t>
  </si>
  <si>
    <t>囲い</t>
  </si>
  <si>
    <t>分別・混在</t>
  </si>
  <si>
    <t>漏れ</t>
  </si>
  <si>
    <t>参考事項</t>
  </si>
  <si>
    <t>27-001</t>
  </si>
  <si>
    <t>コンデンサー（3kg以上）</t>
  </si>
  <si>
    <t>1個／台</t>
  </si>
  <si>
    <t>9.5Ｋｇ</t>
  </si>
  <si>
    <t>200μＦ</t>
  </si>
  <si>
    <t>金属容器</t>
  </si>
  <si>
    <t>有</t>
  </si>
  <si>
    <t>分別</t>
  </si>
  <si>
    <t>無</t>
  </si>
  <si>
    <t>0.6mg/kg</t>
  </si>
  <si>
    <t>27-002</t>
  </si>
  <si>
    <t>7.6Ｋｇ</t>
  </si>
  <si>
    <t>150μＦ</t>
  </si>
  <si>
    <t>27-003</t>
  </si>
  <si>
    <t>0.8mg/kg</t>
  </si>
  <si>
    <t>27-004</t>
  </si>
  <si>
    <t>27-005</t>
  </si>
  <si>
    <t>0.9mg/kg</t>
  </si>
  <si>
    <t>27-006</t>
  </si>
  <si>
    <t>その他PCBを含む油</t>
  </si>
  <si>
    <t>検体</t>
  </si>
  <si>
    <t>0.2Ｋｇ</t>
  </si>
  <si>
    <t>みなし処分</t>
  </si>
  <si>
    <t>30-001</t>
  </si>
  <si>
    <t>リアクトル</t>
  </si>
  <si>
    <t>125Ｋｇ</t>
  </si>
  <si>
    <t>1.2ＫＶＡ</t>
  </si>
  <si>
    <t>11.0mg/kg</t>
  </si>
  <si>
    <t>30-002</t>
  </si>
  <si>
    <t>12.0mg/kg</t>
  </si>
  <si>
    <t>30-003</t>
  </si>
  <si>
    <t>0.1Ｋｇ</t>
  </si>
  <si>
    <t>5-001</t>
  </si>
  <si>
    <t>26Ｋｇ</t>
  </si>
  <si>
    <t>50ＫＶＡ</t>
  </si>
  <si>
    <t>5-002</t>
  </si>
  <si>
    <t>5-003</t>
  </si>
  <si>
    <t>18Ｋｇ</t>
  </si>
  <si>
    <t>5-004</t>
  </si>
  <si>
    <t>12Ｋｇ</t>
  </si>
  <si>
    <t>10ＫＶＡ</t>
  </si>
  <si>
    <t>5-005</t>
  </si>
  <si>
    <t>14Ｋｇ</t>
  </si>
  <si>
    <t>30ＫＶＡ</t>
  </si>
  <si>
    <t>5-006</t>
  </si>
  <si>
    <t>17Ｋｇ</t>
  </si>
  <si>
    <t>0.001μＦ</t>
  </si>
  <si>
    <t>5-007</t>
  </si>
  <si>
    <t>5-008</t>
  </si>
  <si>
    <t>15Ｋｇ</t>
  </si>
  <si>
    <t>5-009</t>
  </si>
  <si>
    <t>コンデンサー（3kg未満）</t>
  </si>
  <si>
    <t>1.5Ｋｇ</t>
  </si>
  <si>
    <t>75μＦ</t>
  </si>
  <si>
    <t>5-010</t>
  </si>
  <si>
    <t>6-001</t>
  </si>
  <si>
    <t>10.9ＫＶＡ</t>
  </si>
  <si>
    <t>6-002</t>
  </si>
  <si>
    <t>6-003</t>
  </si>
  <si>
    <t>6-004</t>
  </si>
  <si>
    <t>14.6ＫＶＡ</t>
  </si>
  <si>
    <t>6-005</t>
  </si>
  <si>
    <t>6-006</t>
  </si>
  <si>
    <t>6-007</t>
  </si>
  <si>
    <t>6-008</t>
  </si>
  <si>
    <t>6-009</t>
  </si>
  <si>
    <t>7.3ＫＶＡ</t>
  </si>
  <si>
    <t>6-010</t>
  </si>
  <si>
    <t>6-011</t>
  </si>
  <si>
    <t>6-012</t>
  </si>
  <si>
    <t>6-013</t>
  </si>
  <si>
    <t>6-014</t>
  </si>
  <si>
    <t>6-015</t>
  </si>
  <si>
    <t>6-016</t>
  </si>
  <si>
    <t>6-017</t>
  </si>
  <si>
    <t>10Ｋｇ</t>
  </si>
  <si>
    <t>15ＫＶＡ</t>
  </si>
  <si>
    <t>6-018</t>
  </si>
  <si>
    <t>6-019</t>
  </si>
  <si>
    <t>7Ｋｇ</t>
  </si>
  <si>
    <t>100μＦ</t>
  </si>
  <si>
    <t>6-020</t>
  </si>
  <si>
    <t>6-021</t>
  </si>
  <si>
    <t>4Ｋｇ</t>
  </si>
  <si>
    <t>30μＦ</t>
  </si>
  <si>
    <t>6-022</t>
  </si>
  <si>
    <t>5Ｋｇ</t>
  </si>
  <si>
    <t>3.65ＫＶＡ</t>
  </si>
  <si>
    <t>6-023</t>
  </si>
  <si>
    <t>6-024</t>
  </si>
  <si>
    <t>5.47ＫＶＡ</t>
  </si>
  <si>
    <t>6-025</t>
  </si>
  <si>
    <t>6-026</t>
  </si>
  <si>
    <t>2.74ＫＶＡ</t>
  </si>
  <si>
    <t>6-027</t>
  </si>
  <si>
    <t>6-028</t>
  </si>
  <si>
    <t>6-029</t>
  </si>
  <si>
    <t>6-030</t>
  </si>
  <si>
    <t>6-031</t>
  </si>
  <si>
    <t>使用中</t>
  </si>
  <si>
    <t>使用の状況</t>
  </si>
  <si>
    <t>変圧器（トランス）</t>
  </si>
  <si>
    <t>212Ｋｇ</t>
  </si>
  <si>
    <t>06-001</t>
  </si>
  <si>
    <t>235Ｋｇ</t>
  </si>
  <si>
    <t>03－001</t>
  </si>
  <si>
    <t>525Ｋｇ</t>
  </si>
  <si>
    <t>150ＫＶＡ</t>
  </si>
  <si>
    <t>04-001</t>
  </si>
  <si>
    <t>1360Ｋｇ</t>
  </si>
  <si>
    <t>05-001</t>
  </si>
  <si>
    <t>485Ｋｇ</t>
  </si>
  <si>
    <t>05-002</t>
  </si>
  <si>
    <t>300Ｋｇ</t>
  </si>
  <si>
    <t>242Ｋｇ</t>
  </si>
  <si>
    <t>6－001</t>
  </si>
  <si>
    <t>4.5Ｋｇ</t>
  </si>
  <si>
    <t>2.26ＫＶＡ</t>
  </si>
  <si>
    <t>ペール缶</t>
  </si>
  <si>
    <t>2個／台</t>
  </si>
  <si>
    <t>7.2Ｋｇ</t>
  </si>
  <si>
    <t>18ＫＶＡ</t>
  </si>
  <si>
    <t>混在</t>
  </si>
  <si>
    <t>7.8Ｋｇ</t>
  </si>
  <si>
    <t>31.9ＫＶＡ</t>
  </si>
  <si>
    <t>9Ｋｇ</t>
  </si>
  <si>
    <t>38.3ＫＶＡ</t>
  </si>
  <si>
    <t>15.6Ｋｇ</t>
  </si>
  <si>
    <t>4個／台</t>
  </si>
  <si>
    <t>2μＦ</t>
  </si>
  <si>
    <t>500μＦ</t>
  </si>
  <si>
    <t>0.3Ｋｇ</t>
  </si>
  <si>
    <t>50μＦ</t>
  </si>
  <si>
    <t>53.2ＫＶＡ</t>
  </si>
  <si>
    <t>9.8Ｋｇ</t>
  </si>
  <si>
    <t>111Ｋｇ</t>
  </si>
  <si>
    <t>26Ｌ</t>
  </si>
  <si>
    <t>20ＫＶＡ</t>
  </si>
  <si>
    <t>2Ｋｇ</t>
  </si>
  <si>
    <t>7.54ＫＶＡ</t>
  </si>
  <si>
    <t>1Ｋｇ</t>
  </si>
  <si>
    <t>31-001</t>
  </si>
  <si>
    <t>205Ｋｇ</t>
  </si>
  <si>
    <t>囲い有、掲示有</t>
  </si>
  <si>
    <t>なし</t>
  </si>
  <si>
    <t>31-002</t>
  </si>
  <si>
    <t>31-003</t>
  </si>
  <si>
    <t>81Ｋｇ</t>
  </si>
  <si>
    <t>3ＫＶＡ</t>
  </si>
  <si>
    <t>31-004</t>
  </si>
  <si>
    <t>その他電気機械器具</t>
  </si>
  <si>
    <t>遮断器</t>
  </si>
  <si>
    <t>200Ａ</t>
  </si>
  <si>
    <t>1420Ｋｇ</t>
  </si>
  <si>
    <t>300ＫＶＡ</t>
  </si>
  <si>
    <t>72Ｋｇ</t>
  </si>
  <si>
    <t>100ＫＶＡ</t>
  </si>
  <si>
    <t>42Ｋｇ</t>
  </si>
  <si>
    <t>容器なし</t>
  </si>
  <si>
    <t>262Ｋｇ</t>
  </si>
  <si>
    <t>860Ｋｇ</t>
  </si>
  <si>
    <t>140Ｌ</t>
  </si>
  <si>
    <t>75ＫＶＡ</t>
  </si>
  <si>
    <t>未設定</t>
  </si>
  <si>
    <t>94mg/kg</t>
  </si>
  <si>
    <t>28-1</t>
  </si>
  <si>
    <t>134Ｋｇ</t>
  </si>
  <si>
    <t>PCB濃度不明（低濃度のおそれ）</t>
  </si>
  <si>
    <t>①</t>
  </si>
  <si>
    <t>710Ｋｇ</t>
  </si>
  <si>
    <t>3.6mg/kg　H29/5/22</t>
  </si>
  <si>
    <t>②</t>
  </si>
  <si>
    <t>3.3mg/kg　H29/5/22</t>
  </si>
  <si>
    <t>001</t>
  </si>
  <si>
    <t>3個／台</t>
  </si>
  <si>
    <t>0.6Ｋｇ</t>
  </si>
  <si>
    <t>002</t>
  </si>
  <si>
    <t>003</t>
  </si>
  <si>
    <t>7個／台</t>
  </si>
  <si>
    <t>004</t>
  </si>
  <si>
    <t>0.7Ｋｇ</t>
  </si>
  <si>
    <t>005</t>
  </si>
  <si>
    <t>006</t>
  </si>
  <si>
    <t>007</t>
  </si>
  <si>
    <t>0.5Ｋｇ</t>
  </si>
  <si>
    <t>008</t>
  </si>
  <si>
    <t>1.7Ｋｇ</t>
  </si>
  <si>
    <t>009</t>
  </si>
  <si>
    <t>3.4Ｋｇ</t>
  </si>
  <si>
    <t>010</t>
  </si>
  <si>
    <t>5.1Ｋｇ</t>
  </si>
  <si>
    <t>011</t>
  </si>
  <si>
    <t>4.8Ｋｇ</t>
  </si>
  <si>
    <t>012</t>
  </si>
  <si>
    <t>013</t>
  </si>
  <si>
    <t>6個／台</t>
  </si>
  <si>
    <t>014</t>
  </si>
  <si>
    <t>015</t>
  </si>
  <si>
    <t>2.2Ｋｇ</t>
  </si>
  <si>
    <t>016</t>
  </si>
  <si>
    <t>2.6Ｋｇ</t>
  </si>
  <si>
    <t>017</t>
  </si>
  <si>
    <t>5.8Ｋｇ</t>
  </si>
  <si>
    <t>018</t>
  </si>
  <si>
    <t>8Ｋｇ</t>
  </si>
  <si>
    <t>019</t>
  </si>
  <si>
    <t>1.2Ｋｇ</t>
  </si>
  <si>
    <t>020</t>
  </si>
  <si>
    <t>021</t>
  </si>
  <si>
    <t>23.1Ｋｇ</t>
  </si>
  <si>
    <t>022</t>
  </si>
  <si>
    <t>3Ｋｇ</t>
  </si>
  <si>
    <t>023</t>
  </si>
  <si>
    <t>024</t>
  </si>
  <si>
    <t>4.1Ｋｇ</t>
  </si>
  <si>
    <t>025</t>
  </si>
  <si>
    <t>2.9Ｋｇ</t>
  </si>
  <si>
    <t>026</t>
  </si>
  <si>
    <t>027</t>
  </si>
  <si>
    <t>1.9Ｋｇ</t>
  </si>
  <si>
    <t>028</t>
  </si>
  <si>
    <t>5.2Ｋｇ</t>
  </si>
  <si>
    <t>029</t>
  </si>
  <si>
    <t>030</t>
  </si>
  <si>
    <t>031</t>
  </si>
  <si>
    <t>032</t>
  </si>
  <si>
    <t>033</t>
  </si>
  <si>
    <t>034</t>
  </si>
  <si>
    <t>035</t>
  </si>
  <si>
    <t>036</t>
  </si>
  <si>
    <t>037</t>
  </si>
  <si>
    <t>038</t>
  </si>
  <si>
    <t>039</t>
  </si>
  <si>
    <t>040</t>
  </si>
  <si>
    <t>1.6Ｋｇ</t>
  </si>
  <si>
    <t>041</t>
  </si>
  <si>
    <t>042</t>
  </si>
  <si>
    <t>043</t>
  </si>
  <si>
    <t>044</t>
  </si>
  <si>
    <t>045</t>
  </si>
  <si>
    <t>0.125Ｋｇ</t>
  </si>
  <si>
    <t>046</t>
  </si>
  <si>
    <t>047</t>
  </si>
  <si>
    <t>048</t>
  </si>
  <si>
    <t>049</t>
  </si>
  <si>
    <t>0.25Ｋｇ</t>
  </si>
  <si>
    <t>050</t>
  </si>
  <si>
    <t>0.15Ｋｇ</t>
  </si>
  <si>
    <t>051</t>
  </si>
  <si>
    <t>052</t>
  </si>
  <si>
    <t>053</t>
  </si>
  <si>
    <t>0.8Ｋｇ</t>
  </si>
  <si>
    <t>054</t>
  </si>
  <si>
    <t>0.67Ｋｇ</t>
  </si>
  <si>
    <t>055</t>
  </si>
  <si>
    <t>056</t>
  </si>
  <si>
    <t>057</t>
  </si>
  <si>
    <t>058</t>
  </si>
  <si>
    <t>059</t>
  </si>
  <si>
    <t>6.2Ｋｇ</t>
  </si>
  <si>
    <t>060</t>
  </si>
  <si>
    <t>061</t>
  </si>
  <si>
    <t>062</t>
  </si>
  <si>
    <t>063</t>
  </si>
  <si>
    <t>15.7Ｋｇ</t>
  </si>
  <si>
    <t>064</t>
  </si>
  <si>
    <t>065</t>
  </si>
  <si>
    <t>066</t>
  </si>
  <si>
    <t>11.5Ｋｇ</t>
  </si>
  <si>
    <t>067</t>
  </si>
  <si>
    <t>068</t>
  </si>
  <si>
    <t>069</t>
  </si>
  <si>
    <t>8個／台</t>
  </si>
  <si>
    <t>070</t>
  </si>
  <si>
    <t>2.5Ｋｇ</t>
  </si>
  <si>
    <t>071</t>
  </si>
  <si>
    <t>072</t>
  </si>
  <si>
    <t>073</t>
  </si>
  <si>
    <t>074</t>
  </si>
  <si>
    <t>075</t>
  </si>
  <si>
    <t>0.4Ｋｇ</t>
  </si>
  <si>
    <t>076</t>
  </si>
  <si>
    <t>0.9Ｋｇ</t>
  </si>
  <si>
    <t>077</t>
  </si>
  <si>
    <t>29-001</t>
  </si>
  <si>
    <t>156Ｋｇ</t>
  </si>
  <si>
    <t>掲示有</t>
  </si>
  <si>
    <t>PCB濃度測定指導</t>
  </si>
  <si>
    <t>4-001</t>
  </si>
  <si>
    <t>4-002</t>
  </si>
  <si>
    <t>プラスチック容器</t>
  </si>
  <si>
    <t>4-003</t>
  </si>
  <si>
    <t>4-004</t>
  </si>
  <si>
    <t>4-005</t>
  </si>
  <si>
    <t>4-006</t>
  </si>
  <si>
    <t>4-007</t>
  </si>
  <si>
    <t>0.3μＦ</t>
  </si>
  <si>
    <t>32Ｋｇ</t>
  </si>
  <si>
    <t>126Ｋｇ</t>
  </si>
  <si>
    <t>168Ｋｇ</t>
  </si>
  <si>
    <t>64Ｋｇ</t>
  </si>
  <si>
    <t>203Ｋｇ</t>
  </si>
  <si>
    <t>63Ｋｇ</t>
  </si>
  <si>
    <t>16Ｋｇ</t>
  </si>
  <si>
    <t>J-1</t>
  </si>
  <si>
    <t>202Ｋｇ</t>
  </si>
  <si>
    <t>J-17</t>
  </si>
  <si>
    <t>油</t>
  </si>
  <si>
    <t>15Ｌ</t>
  </si>
  <si>
    <t>金属</t>
  </si>
  <si>
    <t>J-18</t>
  </si>
  <si>
    <t>40.5Ｋｇ</t>
  </si>
  <si>
    <t>2ＫＶＡ</t>
  </si>
  <si>
    <t>J-2</t>
  </si>
  <si>
    <t>19Ｋｇ</t>
  </si>
  <si>
    <t>J-20</t>
  </si>
  <si>
    <t>J-3</t>
  </si>
  <si>
    <t>J-7</t>
  </si>
  <si>
    <t>7－001</t>
  </si>
  <si>
    <t>J-14</t>
  </si>
  <si>
    <t>155Ｋｇ</t>
  </si>
  <si>
    <t>U-1</t>
  </si>
  <si>
    <t>160Ｋｇ</t>
  </si>
  <si>
    <t>U-2</t>
  </si>
  <si>
    <t>U-3</t>
  </si>
  <si>
    <t>U-5</t>
  </si>
  <si>
    <t>U-6</t>
  </si>
  <si>
    <t>U-7</t>
  </si>
  <si>
    <t>6-04</t>
  </si>
  <si>
    <t>水銀灯用安定器</t>
  </si>
  <si>
    <t>11.7Ｋｇ</t>
  </si>
  <si>
    <t>425ＫＶＡ</t>
  </si>
  <si>
    <t>28.045</t>
  </si>
  <si>
    <t>22700Ｋｇ</t>
  </si>
  <si>
    <t>使用場所変更</t>
  </si>
  <si>
    <t>23-001</t>
  </si>
  <si>
    <t>520Ｋｇ</t>
  </si>
  <si>
    <t>PCB濃度1.6mg/kg</t>
  </si>
  <si>
    <t>24-025</t>
  </si>
  <si>
    <t>27800Ｋｇ</t>
  </si>
  <si>
    <t>66kV1号主要変圧器として使用中</t>
  </si>
  <si>
    <t>PCB濃度2.7mg/kg</t>
  </si>
  <si>
    <t>6-10</t>
  </si>
  <si>
    <t>塗膜</t>
  </si>
  <si>
    <t>ドラム缶</t>
  </si>
  <si>
    <t>6-11</t>
  </si>
  <si>
    <t>6-12</t>
  </si>
  <si>
    <t>6-13</t>
  </si>
  <si>
    <t>6Ｋｇ</t>
  </si>
  <si>
    <t>6-14</t>
  </si>
  <si>
    <t>6-15</t>
  </si>
  <si>
    <t>6-16</t>
  </si>
  <si>
    <t>6-17</t>
  </si>
  <si>
    <t>6-18</t>
  </si>
  <si>
    <t>6-19</t>
  </si>
  <si>
    <t>20Ｋｇ</t>
  </si>
  <si>
    <t>6-20</t>
  </si>
  <si>
    <t>6-21</t>
  </si>
  <si>
    <t>6-22</t>
  </si>
  <si>
    <t>11Ｋｇ</t>
  </si>
  <si>
    <t>6-23</t>
  </si>
  <si>
    <t>6-24</t>
  </si>
  <si>
    <t>6-25</t>
  </si>
  <si>
    <t>6-26</t>
  </si>
  <si>
    <t>6-27</t>
  </si>
  <si>
    <t>6-28</t>
  </si>
  <si>
    <t>6-29</t>
  </si>
  <si>
    <t>6-30</t>
  </si>
  <si>
    <t>6-31</t>
  </si>
  <si>
    <t>6-9</t>
  </si>
  <si>
    <t>28-047</t>
  </si>
  <si>
    <t>65700Ｋｇ</t>
  </si>
  <si>
    <t>1.2ppm 20400ℓ</t>
  </si>
  <si>
    <t>130Ｋｇ</t>
  </si>
  <si>
    <t>29-002</t>
  </si>
  <si>
    <t>245Ｋｇ</t>
  </si>
  <si>
    <t>29-003</t>
  </si>
  <si>
    <t>233Ｋｇ</t>
  </si>
  <si>
    <t>1</t>
  </si>
  <si>
    <t>157Ｋｇ</t>
  </si>
  <si>
    <t>2</t>
  </si>
  <si>
    <t>3</t>
  </si>
  <si>
    <t>4</t>
  </si>
  <si>
    <t>60Ｋｇ</t>
  </si>
  <si>
    <t>28-046</t>
  </si>
  <si>
    <t>26000Ｋｇ</t>
  </si>
  <si>
    <t>315Ｋｇ</t>
  </si>
  <si>
    <t>04-002</t>
  </si>
  <si>
    <t>04-003</t>
  </si>
  <si>
    <t>340Ｋｇ</t>
  </si>
  <si>
    <t>25Ｋｇ</t>
  </si>
  <si>
    <t>225Ｋｇ</t>
  </si>
  <si>
    <t>トレイ</t>
  </si>
  <si>
    <t>290Ｋｇ</t>
  </si>
  <si>
    <t>07-佐ー001～120</t>
  </si>
  <si>
    <t>蛍光灯用安定器</t>
  </si>
  <si>
    <t>120個／台</t>
  </si>
  <si>
    <t>254.5Ｋｇ</t>
  </si>
  <si>
    <t>JESCO登録済み</t>
  </si>
  <si>
    <t>07-佐ー121～233</t>
  </si>
  <si>
    <t>113個／台</t>
  </si>
  <si>
    <t>257.5Ｋｇ</t>
  </si>
  <si>
    <t>07-佐ー236～283</t>
  </si>
  <si>
    <t>32個／台</t>
  </si>
  <si>
    <t>112Ｋｇ</t>
  </si>
  <si>
    <t>07-佐ー284～317</t>
  </si>
  <si>
    <t>⑯-012</t>
  </si>
  <si>
    <t>9000Ｋｇ</t>
  </si>
  <si>
    <t>3250Ｌ</t>
  </si>
  <si>
    <t>海崎変電所で1号接地用変圧器として使用</t>
  </si>
  <si>
    <t>油量3，250ℓ</t>
  </si>
  <si>
    <t>29-04</t>
  </si>
  <si>
    <t>400Ｋｇ</t>
  </si>
  <si>
    <t>570Ｋｇ</t>
  </si>
  <si>
    <t>200ＫＶＡ</t>
  </si>
  <si>
    <t>6.4Ｋｇ</t>
  </si>
  <si>
    <t>油入接地過負荷遮断器</t>
  </si>
  <si>
    <t>50000ＫＶＡ</t>
  </si>
  <si>
    <t>680Ｋｇ</t>
  </si>
  <si>
    <t>25-1</t>
  </si>
  <si>
    <t>31Ｋｇ</t>
  </si>
  <si>
    <t>21-001</t>
  </si>
  <si>
    <t>650Ｋｇ</t>
  </si>
  <si>
    <t>電気室内で保管</t>
  </si>
  <si>
    <t>21-002</t>
  </si>
  <si>
    <t>非金属系汚染物（プラスチック、ビニール）</t>
  </si>
  <si>
    <t>不明</t>
  </si>
  <si>
    <t>21-003</t>
  </si>
  <si>
    <t>100Ｋｇ</t>
  </si>
  <si>
    <t>7.2ＫＶＡ</t>
  </si>
  <si>
    <t>機械室内で保管</t>
  </si>
  <si>
    <t>21-004</t>
  </si>
  <si>
    <t>21-005</t>
  </si>
  <si>
    <t>21-006</t>
  </si>
  <si>
    <t>開閉器</t>
  </si>
  <si>
    <t>6600V</t>
  </si>
  <si>
    <t>28-001</t>
  </si>
  <si>
    <t>電気工事の際発見</t>
  </si>
  <si>
    <t>28-002</t>
  </si>
  <si>
    <t>660Ｋｇ</t>
  </si>
  <si>
    <t>20－001</t>
  </si>
  <si>
    <t>20－002</t>
  </si>
  <si>
    <t>03-001</t>
  </si>
  <si>
    <t>10個／台</t>
  </si>
  <si>
    <t>0.5μＦ</t>
  </si>
  <si>
    <t>4μＦ</t>
  </si>
  <si>
    <t>152Ｋｇ</t>
  </si>
  <si>
    <t>266Ｋｇ</t>
  </si>
  <si>
    <t>油入開閉器</t>
  </si>
  <si>
    <t>43Ｋｇ</t>
  </si>
  <si>
    <t>29-津久見-002-1~2</t>
  </si>
  <si>
    <t>熱媒体油</t>
  </si>
  <si>
    <t>30Ｋｇ</t>
  </si>
  <si>
    <t>29-津久見-002-1-3</t>
  </si>
  <si>
    <t>7.3Ｋｇ</t>
  </si>
  <si>
    <t>07-津-151～220</t>
  </si>
  <si>
    <t>70個／台</t>
  </si>
  <si>
    <t>07-津-221～420</t>
  </si>
  <si>
    <t>200個／台</t>
  </si>
  <si>
    <t>263Ｋｇ</t>
  </si>
  <si>
    <t>07-津-421～533</t>
  </si>
  <si>
    <t>76個／台</t>
  </si>
  <si>
    <t>198.5Ｋｇ</t>
  </si>
  <si>
    <t>07-津-450～475</t>
  </si>
  <si>
    <t>26個／台</t>
  </si>
  <si>
    <t>70Ｋｇ</t>
  </si>
  <si>
    <t>07-津-534～551</t>
  </si>
  <si>
    <t>18個／台</t>
  </si>
  <si>
    <t>86Ｋｇ</t>
  </si>
  <si>
    <t>07-津-601～616</t>
  </si>
  <si>
    <t>16個／台</t>
  </si>
  <si>
    <t>73.5Ｋｇ</t>
  </si>
  <si>
    <t>8</t>
  </si>
  <si>
    <t>33Ｋｇ</t>
  </si>
  <si>
    <t>電気室で使用中</t>
  </si>
  <si>
    <t>今夏調査予定</t>
  </si>
  <si>
    <t>350Ｋｇ</t>
  </si>
  <si>
    <t>06-002</t>
  </si>
  <si>
    <t>06-003</t>
  </si>
  <si>
    <t>455Ｋｇ</t>
  </si>
  <si>
    <t>30-004</t>
  </si>
  <si>
    <t>450Ｋｇ</t>
  </si>
  <si>
    <t>6-1</t>
  </si>
  <si>
    <t>JESCO登録済</t>
  </si>
  <si>
    <t>6-2</t>
  </si>
  <si>
    <t>120Ｋｇ</t>
  </si>
  <si>
    <t>17個／台</t>
  </si>
  <si>
    <t>1711Ｋｇ</t>
  </si>
  <si>
    <t>29-016</t>
  </si>
  <si>
    <t>200Ｋｇ</t>
  </si>
  <si>
    <t>28-034</t>
  </si>
  <si>
    <t>26800Ｋｇ</t>
  </si>
  <si>
    <t>0.6ppm 7600ℓ</t>
  </si>
  <si>
    <t>3-1</t>
  </si>
  <si>
    <t>3-2</t>
  </si>
  <si>
    <t>276Ｋｇ</t>
  </si>
  <si>
    <t>3-3</t>
  </si>
  <si>
    <t>910Ｋｇ</t>
  </si>
  <si>
    <t>0.25μＦ</t>
  </si>
  <si>
    <t>2025/10/06 0:00:00</t>
  </si>
  <si>
    <t>47Ｌ</t>
  </si>
  <si>
    <t>19mg/kg</t>
  </si>
  <si>
    <t>29mg/kg</t>
  </si>
  <si>
    <t>1130Ｋｇ</t>
  </si>
  <si>
    <t>1480Ｋｇ</t>
  </si>
  <si>
    <t>101Ｋｇ</t>
  </si>
  <si>
    <t>68Ｋｇ</t>
  </si>
  <si>
    <t>71Ｋｇ</t>
  </si>
  <si>
    <t>900Ｋｇ</t>
  </si>
  <si>
    <t>300μＦ</t>
  </si>
  <si>
    <t>12.8Ｋｇ</t>
  </si>
  <si>
    <t>28-004</t>
  </si>
  <si>
    <t>電気機械器具</t>
  </si>
  <si>
    <t>11μＦ</t>
  </si>
  <si>
    <t>みなし（メーカー指示）</t>
  </si>
  <si>
    <t>500Ｋｇ</t>
  </si>
  <si>
    <t>40Ｋｇ</t>
  </si>
  <si>
    <t>164Ｋｇ</t>
  </si>
  <si>
    <t>缶</t>
  </si>
  <si>
    <t>985Ｋｇ</t>
  </si>
  <si>
    <t>885Ｋｇ</t>
  </si>
  <si>
    <t>730Ｋｇ</t>
  </si>
  <si>
    <t>139Ｋｇ</t>
  </si>
  <si>
    <t>6－035</t>
  </si>
  <si>
    <t>6－036</t>
  </si>
  <si>
    <t>6－037</t>
  </si>
  <si>
    <t>2-008</t>
  </si>
  <si>
    <t>151Ｋｇ</t>
  </si>
  <si>
    <t>来浦揚水機場</t>
  </si>
  <si>
    <t>2-009</t>
  </si>
  <si>
    <t>62Ｋｇ</t>
  </si>
  <si>
    <t>2-010</t>
  </si>
  <si>
    <t>2060Ｋｇ</t>
  </si>
  <si>
    <t>24-2</t>
  </si>
  <si>
    <t>390Ｋｇ</t>
  </si>
  <si>
    <t>PCB濃度2.0mg/kg</t>
  </si>
  <si>
    <t>24-3</t>
  </si>
  <si>
    <t>190Ｋｇ</t>
  </si>
  <si>
    <t>25-2</t>
  </si>
  <si>
    <t>PCB濃度0.92mg/kg</t>
  </si>
  <si>
    <t>25-3</t>
  </si>
  <si>
    <t>565Ｋｇ</t>
  </si>
  <si>
    <t>PCB濃度4.0mg/kg</t>
  </si>
  <si>
    <t>23-030</t>
  </si>
  <si>
    <t>13050Ｋｇ</t>
  </si>
  <si>
    <t>日出変電所で2号電力用ｺﾝﾃﾞﾝｻとして使用。</t>
  </si>
  <si>
    <t>PCB含有油量210ﾘｯﾄﾙ、PCB濃度最大16ppm。日出変電所で2号電力用ｺﾝﾃﾞﾝｻとして使用。左記製品のうち、放電コイル用フィーディングタンク（各相に2個あり、3相あることから計6個）が、PCB含有廃棄物に該当。</t>
  </si>
  <si>
    <t>30-1</t>
  </si>
  <si>
    <t>24-024</t>
  </si>
  <si>
    <t>113Ｋｇ</t>
  </si>
  <si>
    <t>八丁原掘削機用</t>
  </si>
  <si>
    <t>機器更新時にPCB含有有無分析確認予定</t>
  </si>
  <si>
    <t>24-026</t>
  </si>
  <si>
    <t>132Ｋｇ</t>
  </si>
  <si>
    <t>24-027</t>
  </si>
  <si>
    <t>85Ｋｇ</t>
  </si>
  <si>
    <t>24-028</t>
  </si>
  <si>
    <t>930Ｋｇ</t>
  </si>
  <si>
    <t>24-029</t>
  </si>
  <si>
    <t>360Ｋｇ</t>
  </si>
  <si>
    <t>24-030</t>
  </si>
  <si>
    <t>28-048</t>
  </si>
  <si>
    <t>15000Ｋｇ</t>
  </si>
  <si>
    <t>0.8ppm  13500ℓ</t>
  </si>
  <si>
    <t>166Ｋｇ</t>
  </si>
  <si>
    <t>囲い無、掲示無</t>
  </si>
  <si>
    <t>03-002</t>
  </si>
  <si>
    <t>188Ｋｇ</t>
  </si>
  <si>
    <t>有</t>
    <rPh sb="0" eb="1">
      <t>ア</t>
    </rPh>
    <phoneticPr fontId="1"/>
  </si>
  <si>
    <t>分別</t>
    <rPh sb="0" eb="2">
      <t>ブンベツ</t>
    </rPh>
    <phoneticPr fontId="1"/>
  </si>
  <si>
    <t>無</t>
    <rPh sb="0" eb="1">
      <t>ナ</t>
    </rPh>
    <phoneticPr fontId="1"/>
  </si>
  <si>
    <t>18mg/kg</t>
    <phoneticPr fontId="1"/>
  </si>
  <si>
    <t>26mg/kg</t>
    <phoneticPr fontId="1"/>
  </si>
  <si>
    <t>0.57mg/kg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name val="Calibri"/>
    </font>
    <font>
      <sz val="11"/>
      <name val="ＭＳ Ｐゴシック"/>
      <family val="3"/>
    </font>
    <font>
      <sz val="11"/>
      <color indexed="8"/>
      <name val="ＭＳ Ｐゴシック"/>
      <family val="3"/>
    </font>
    <font>
      <u/>
      <sz val="11"/>
      <color rgb="FF0000FF"/>
      <name val="Calibri"/>
    </font>
  </fonts>
  <fills count="5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3">
    <xf numFmtId="0" fontId="0" fillId="0" borderId="0"/>
    <xf numFmtId="0" fontId="1" fillId="0" borderId="0"/>
    <xf numFmtId="0" fontId="3" fillId="0" borderId="0"/>
  </cellStyleXfs>
  <cellXfs count="27">
    <xf numFmtId="0" fontId="0" fillId="0" borderId="0" xfId="0"/>
    <xf numFmtId="0" fontId="1" fillId="0" borderId="0" xfId="0" applyFont="1"/>
    <xf numFmtId="49" fontId="1" fillId="0" borderId="0" xfId="0" applyNumberFormat="1" applyFont="1"/>
    <xf numFmtId="0" fontId="1" fillId="0" borderId="0" xfId="0" applyFont="1" applyAlignment="1">
      <alignment wrapText="1"/>
    </xf>
    <xf numFmtId="49" fontId="1" fillId="2" borderId="4" xfId="0" applyNumberFormat="1" applyFont="1" applyFill="1" applyBorder="1" applyAlignment="1">
      <alignment wrapText="1"/>
    </xf>
    <xf numFmtId="0" fontId="1" fillId="2" borderId="4" xfId="0" applyFont="1" applyFill="1" applyBorder="1" applyAlignment="1">
      <alignment wrapText="1"/>
    </xf>
    <xf numFmtId="0" fontId="1" fillId="3" borderId="4" xfId="0" applyFont="1" applyFill="1" applyBorder="1" applyAlignment="1">
      <alignment wrapText="1"/>
    </xf>
    <xf numFmtId="49" fontId="1" fillId="4" borderId="4" xfId="0" applyNumberFormat="1" applyFont="1" applyFill="1" applyBorder="1" applyAlignment="1">
      <alignment horizontal="left" wrapText="1"/>
    </xf>
    <xf numFmtId="49" fontId="1" fillId="0" borderId="1" xfId="0" applyNumberFormat="1" applyFont="1" applyBorder="1" applyAlignment="1">
      <alignment horizontal="left"/>
    </xf>
    <xf numFmtId="49" fontId="1" fillId="0" borderId="2" xfId="0" applyNumberFormat="1" applyFont="1" applyBorder="1" applyAlignment="1">
      <alignment horizontal="left"/>
    </xf>
    <xf numFmtId="49" fontId="1" fillId="0" borderId="2" xfId="0" applyNumberFormat="1" applyFont="1" applyBorder="1" applyAlignment="1">
      <alignment horizontal="left" wrapText="1"/>
    </xf>
    <xf numFmtId="49" fontId="1" fillId="0" borderId="3" xfId="0" applyNumberFormat="1" applyFont="1" applyBorder="1" applyAlignment="1">
      <alignment horizontal="left" wrapText="1"/>
    </xf>
    <xf numFmtId="49" fontId="1" fillId="0" borderId="0" xfId="0" applyNumberFormat="1" applyFont="1" applyAlignment="1">
      <alignment horizontal="left" wrapText="1"/>
    </xf>
    <xf numFmtId="49" fontId="2" fillId="4" borderId="4" xfId="1" applyNumberFormat="1" applyFont="1" applyFill="1" applyBorder="1" applyAlignment="1">
      <alignment horizontal="left" wrapText="1"/>
    </xf>
    <xf numFmtId="49" fontId="2" fillId="0" borderId="1" xfId="1" applyNumberFormat="1" applyFont="1" applyBorder="1" applyAlignment="1">
      <alignment horizontal="left"/>
    </xf>
    <xf numFmtId="49" fontId="2" fillId="0" borderId="2" xfId="1" applyNumberFormat="1" applyFont="1" applyBorder="1" applyAlignment="1">
      <alignment horizontal="left"/>
    </xf>
    <xf numFmtId="49" fontId="1" fillId="0" borderId="0" xfId="0" applyNumberFormat="1" applyFont="1" applyAlignment="1">
      <alignment horizontal="right" wrapText="1"/>
    </xf>
    <xf numFmtId="49" fontId="2" fillId="4" borderId="5" xfId="1" applyNumberFormat="1" applyFont="1" applyFill="1" applyBorder="1" applyAlignment="1">
      <alignment horizontal="left" wrapText="1"/>
    </xf>
    <xf numFmtId="49" fontId="2" fillId="4" borderId="6" xfId="1" applyNumberFormat="1" applyFont="1" applyFill="1" applyBorder="1" applyAlignment="1">
      <alignment horizontal="left" wrapText="1"/>
    </xf>
    <xf numFmtId="49" fontId="1" fillId="0" borderId="7" xfId="0" applyNumberFormat="1" applyFont="1" applyBorder="1"/>
    <xf numFmtId="0" fontId="3" fillId="0" borderId="8" xfId="2" applyBorder="1"/>
    <xf numFmtId="0" fontId="1" fillId="0" borderId="4" xfId="0" applyFont="1" applyBorder="1"/>
    <xf numFmtId="0" fontId="1" fillId="0" borderId="8" xfId="0" applyFont="1" applyBorder="1"/>
    <xf numFmtId="0" fontId="0" fillId="0" borderId="8" xfId="0" applyBorder="1"/>
    <xf numFmtId="0" fontId="1" fillId="2" borderId="1" xfId="0" applyFont="1" applyFill="1" applyBorder="1" applyAlignment="1">
      <alignment horizontal="center"/>
    </xf>
    <xf numFmtId="0" fontId="1" fillId="2" borderId="2" xfId="0" applyFont="1" applyFill="1" applyBorder="1" applyAlignment="1">
      <alignment horizontal="center"/>
    </xf>
    <xf numFmtId="0" fontId="1" fillId="3" borderId="4" xfId="0" applyFont="1" applyFill="1" applyBorder="1" applyAlignment="1">
      <alignment horizontal="center"/>
    </xf>
  </cellXfs>
  <cellStyles count="3">
    <cellStyle name="HyperLink" xfId="2" xr:uid="{00000000-0005-0000-0000-000002000000}"/>
    <cellStyle name="標準" xfId="0" builtinId="0"/>
    <cellStyle name="標準_Sheet1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117" Type="http://schemas.openxmlformats.org/officeDocument/2006/relationships/worksheet" Target="worksheets/sheet117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6" Type="http://schemas.openxmlformats.org/officeDocument/2006/relationships/worksheet" Target="worksheets/sheet16.xml"/><Relationship Id="rId107" Type="http://schemas.openxmlformats.org/officeDocument/2006/relationships/worksheet" Target="worksheets/sheet107.xml"/><Relationship Id="rId11" Type="http://schemas.openxmlformats.org/officeDocument/2006/relationships/worksheet" Target="worksheets/sheet11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28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90" Type="http://schemas.openxmlformats.org/officeDocument/2006/relationships/worksheet" Target="worksheets/sheet90.xml"/><Relationship Id="rId95" Type="http://schemas.openxmlformats.org/officeDocument/2006/relationships/worksheet" Target="worksheets/sheet95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113" Type="http://schemas.openxmlformats.org/officeDocument/2006/relationships/worksheet" Target="worksheets/sheet113.xml"/><Relationship Id="rId118" Type="http://schemas.openxmlformats.org/officeDocument/2006/relationships/worksheet" Target="worksheets/sheet118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59" Type="http://schemas.openxmlformats.org/officeDocument/2006/relationships/worksheet" Target="worksheets/sheet59.xml"/><Relationship Id="rId103" Type="http://schemas.openxmlformats.org/officeDocument/2006/relationships/worksheet" Target="worksheets/sheet103.xml"/><Relationship Id="rId108" Type="http://schemas.openxmlformats.org/officeDocument/2006/relationships/worksheet" Target="worksheets/sheet108.xml"/><Relationship Id="rId124" Type="http://schemas.openxmlformats.org/officeDocument/2006/relationships/worksheet" Target="worksheets/sheet124.xml"/><Relationship Id="rId54" Type="http://schemas.openxmlformats.org/officeDocument/2006/relationships/worksheet" Target="worksheets/sheet54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91" Type="http://schemas.openxmlformats.org/officeDocument/2006/relationships/worksheet" Target="worksheets/sheet91.xml"/><Relationship Id="rId96" Type="http://schemas.openxmlformats.org/officeDocument/2006/relationships/worksheet" Target="worksheets/sheet96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49" Type="http://schemas.openxmlformats.org/officeDocument/2006/relationships/worksheet" Target="worksheets/sheet49.xml"/><Relationship Id="rId114" Type="http://schemas.openxmlformats.org/officeDocument/2006/relationships/worksheet" Target="worksheets/sheet114.xml"/><Relationship Id="rId119" Type="http://schemas.openxmlformats.org/officeDocument/2006/relationships/worksheet" Target="worksheets/sheet119.xml"/><Relationship Id="rId44" Type="http://schemas.openxmlformats.org/officeDocument/2006/relationships/worksheet" Target="worksheets/sheet44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109" Type="http://schemas.openxmlformats.org/officeDocument/2006/relationships/worksheet" Target="worksheets/sheet10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76" Type="http://schemas.openxmlformats.org/officeDocument/2006/relationships/worksheet" Target="worksheets/sheet76.xml"/><Relationship Id="rId97" Type="http://schemas.openxmlformats.org/officeDocument/2006/relationships/worksheet" Target="worksheets/sheet97.xml"/><Relationship Id="rId104" Type="http://schemas.openxmlformats.org/officeDocument/2006/relationships/worksheet" Target="worksheets/sheet104.xml"/><Relationship Id="rId120" Type="http://schemas.openxmlformats.org/officeDocument/2006/relationships/worksheet" Target="worksheets/sheet120.xml"/><Relationship Id="rId125" Type="http://schemas.openxmlformats.org/officeDocument/2006/relationships/worksheet" Target="worksheets/sheet125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4" Type="http://schemas.openxmlformats.org/officeDocument/2006/relationships/worksheet" Target="worksheets/sheet24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66" Type="http://schemas.openxmlformats.org/officeDocument/2006/relationships/worksheet" Target="worksheets/sheet66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15" Type="http://schemas.openxmlformats.org/officeDocument/2006/relationships/worksheet" Target="worksheets/sheet11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56" Type="http://schemas.openxmlformats.org/officeDocument/2006/relationships/worksheet" Target="worksheets/sheet56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105" Type="http://schemas.openxmlformats.org/officeDocument/2006/relationships/worksheet" Target="worksheets/sheet105.xml"/><Relationship Id="rId126" Type="http://schemas.openxmlformats.org/officeDocument/2006/relationships/theme" Target="theme/theme1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93" Type="http://schemas.openxmlformats.org/officeDocument/2006/relationships/worksheet" Target="worksheets/sheet93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3" Type="http://schemas.openxmlformats.org/officeDocument/2006/relationships/worksheet" Target="worksheets/sheet3.xml"/><Relationship Id="rId25" Type="http://schemas.openxmlformats.org/officeDocument/2006/relationships/worksheet" Target="worksheets/sheet25.xml"/><Relationship Id="rId46" Type="http://schemas.openxmlformats.org/officeDocument/2006/relationships/worksheet" Target="worksheets/sheet46.xml"/><Relationship Id="rId67" Type="http://schemas.openxmlformats.org/officeDocument/2006/relationships/worksheet" Target="worksheets/sheet67.xml"/><Relationship Id="rId116" Type="http://schemas.openxmlformats.org/officeDocument/2006/relationships/worksheet" Target="worksheets/sheet116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62" Type="http://schemas.openxmlformats.org/officeDocument/2006/relationships/worksheet" Target="worksheets/sheet62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111" Type="http://schemas.openxmlformats.org/officeDocument/2006/relationships/worksheet" Target="worksheets/sheet111.xml"/><Relationship Id="rId15" Type="http://schemas.openxmlformats.org/officeDocument/2006/relationships/worksheet" Target="worksheets/sheet15.xml"/><Relationship Id="rId36" Type="http://schemas.openxmlformats.org/officeDocument/2006/relationships/worksheet" Target="worksheets/sheet36.xml"/><Relationship Id="rId57" Type="http://schemas.openxmlformats.org/officeDocument/2006/relationships/worksheet" Target="worksheets/sheet57.xml"/><Relationship Id="rId106" Type="http://schemas.openxmlformats.org/officeDocument/2006/relationships/worksheet" Target="worksheets/sheet106.xml"/><Relationship Id="rId127" Type="http://schemas.openxmlformats.org/officeDocument/2006/relationships/styles" Target="styles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52" Type="http://schemas.openxmlformats.org/officeDocument/2006/relationships/worksheet" Target="worksheets/sheet52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94" Type="http://schemas.openxmlformats.org/officeDocument/2006/relationships/worksheet" Target="worksheets/sheet94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74EE7BC-93C5-409F-AB44-A683392BE1B5}">
  <sheetPr>
    <pageSetUpPr fitToPage="1"/>
  </sheetPr>
  <dimension ref="A1:Q127"/>
  <sheetViews>
    <sheetView tabSelected="1" zoomScaleNormal="100" workbookViewId="0">
      <pane xSplit="3" ySplit="2" topLeftCell="D3" activePane="bottomRight" state="frozen"/>
      <selection pane="topRight" activeCell="D1" sqref="D1"/>
      <selection pane="bottomLeft" activeCell="A3" sqref="A3"/>
      <selection pane="bottomRight" activeCell="C81" sqref="C81"/>
    </sheetView>
  </sheetViews>
  <sheetFormatPr defaultRowHeight="15" x14ac:dyDescent="0.25"/>
  <cols>
    <col min="1" max="1" width="2.7109375" style="1" customWidth="1"/>
    <col min="2" max="2" width="14.28515625" style="2" customWidth="1"/>
    <col min="3" max="3" width="30.28515625" style="1" customWidth="1"/>
    <col min="4" max="4" width="8.42578125" style="1" customWidth="1"/>
    <col min="5" max="5" width="8.140625" style="1" customWidth="1"/>
    <col min="7" max="7" width="21.7109375" style="1" customWidth="1"/>
    <col min="8" max="8" width="12.28515625" customWidth="1"/>
    <col min="9" max="9" width="13.42578125" style="1" customWidth="1"/>
    <col min="10" max="10" width="11" style="1" bestFit="1" customWidth="1"/>
    <col min="11" max="11" width="9.42578125" style="1" customWidth="1"/>
    <col min="12" max="12" width="17" style="1" customWidth="1"/>
    <col min="13" max="13" width="13" style="1" customWidth="1"/>
    <col min="14" max="14" width="11" style="1" customWidth="1"/>
    <col min="15" max="15" width="15.140625" style="1" bestFit="1" customWidth="1"/>
    <col min="16" max="16" width="17.28515625" style="1" bestFit="1" customWidth="1"/>
    <col min="17" max="17" width="15.140625" style="1" bestFit="1" customWidth="1"/>
  </cols>
  <sheetData>
    <row r="1" spans="2:17" x14ac:dyDescent="0.25">
      <c r="B1" s="2" t="s">
        <v>0</v>
      </c>
      <c r="C1" s="1" t="s">
        <v>1</v>
      </c>
    </row>
    <row r="2" spans="2:17" s="1" customFormat="1" ht="15" customHeight="1" x14ac:dyDescent="0.15">
      <c r="B2" s="24" t="s">
        <v>2</v>
      </c>
      <c r="C2" s="25"/>
      <c r="D2" s="25"/>
      <c r="E2" s="25"/>
      <c r="F2" s="25"/>
      <c r="G2" s="25"/>
      <c r="H2" s="25"/>
      <c r="I2" s="25"/>
      <c r="J2" s="25"/>
      <c r="K2" s="25"/>
      <c r="L2" s="26" t="s">
        <v>3</v>
      </c>
      <c r="M2" s="26"/>
      <c r="N2" s="26"/>
      <c r="O2" s="26"/>
      <c r="P2" s="26"/>
      <c r="Q2" s="26"/>
    </row>
    <row r="3" spans="2:17" s="3" customFormat="1" ht="27" customHeight="1" x14ac:dyDescent="0.15">
      <c r="B3" s="4" t="s">
        <v>4</v>
      </c>
      <c r="C3" s="5" t="s">
        <v>5</v>
      </c>
      <c r="D3" s="5" t="s">
        <v>6</v>
      </c>
      <c r="E3" s="5" t="s">
        <v>7</v>
      </c>
      <c r="F3" s="5" t="s">
        <v>8</v>
      </c>
      <c r="G3" s="5" t="s">
        <v>9</v>
      </c>
      <c r="H3" s="5" t="s">
        <v>10</v>
      </c>
      <c r="I3" s="5" t="s">
        <v>11</v>
      </c>
      <c r="J3" s="5" t="s">
        <v>12</v>
      </c>
      <c r="K3" s="5" t="s">
        <v>13</v>
      </c>
      <c r="L3" s="6" t="s">
        <v>14</v>
      </c>
      <c r="M3" s="6" t="s">
        <v>15</v>
      </c>
      <c r="N3" s="6" t="s">
        <v>16</v>
      </c>
      <c r="O3" s="6" t="s">
        <v>8</v>
      </c>
      <c r="P3" s="6" t="s">
        <v>9</v>
      </c>
      <c r="Q3" s="6" t="s">
        <v>10</v>
      </c>
    </row>
    <row r="4" spans="2:17" s="1" customFormat="1" ht="15" customHeight="1" x14ac:dyDescent="0.25">
      <c r="B4" s="20" t="s">
        <v>18</v>
      </c>
      <c r="C4" s="21" t="s">
        <v>19</v>
      </c>
      <c r="D4" s="21" t="s">
        <v>20</v>
      </c>
      <c r="E4" s="21" t="s">
        <v>21</v>
      </c>
      <c r="F4" s="21" t="s">
        <v>22</v>
      </c>
      <c r="G4" s="21" t="s">
        <v>23</v>
      </c>
      <c r="H4" s="21" t="s">
        <v>24</v>
      </c>
      <c r="I4" s="21" t="s">
        <v>26</v>
      </c>
      <c r="J4" s="21" t="s">
        <v>27</v>
      </c>
      <c r="K4" s="21" t="s">
        <v>29</v>
      </c>
      <c r="L4" s="21" t="s">
        <v>30</v>
      </c>
      <c r="M4" s="21" t="s">
        <v>31</v>
      </c>
      <c r="N4" s="21" t="s">
        <v>32</v>
      </c>
      <c r="O4" s="21" t="s">
        <v>33</v>
      </c>
      <c r="P4" s="21" t="s">
        <v>34</v>
      </c>
      <c r="Q4" s="21" t="s">
        <v>35</v>
      </c>
    </row>
    <row r="5" spans="2:17" x14ac:dyDescent="0.25">
      <c r="B5" s="20" t="s">
        <v>36</v>
      </c>
      <c r="C5" s="22" t="s">
        <v>37</v>
      </c>
      <c r="D5" s="22" t="s">
        <v>38</v>
      </c>
      <c r="E5" s="22" t="s">
        <v>21</v>
      </c>
      <c r="F5" s="23" t="s">
        <v>39</v>
      </c>
      <c r="G5" s="22" t="s">
        <v>40</v>
      </c>
      <c r="H5" s="23" t="s">
        <v>41</v>
      </c>
      <c r="I5" s="22" t="s">
        <v>42</v>
      </c>
      <c r="J5" s="22" t="s">
        <v>43</v>
      </c>
      <c r="K5" s="22" t="s">
        <v>25</v>
      </c>
      <c r="L5" s="22" t="s">
        <v>44</v>
      </c>
      <c r="M5" s="22" t="s">
        <v>45</v>
      </c>
      <c r="N5" s="22" t="s">
        <v>46</v>
      </c>
      <c r="O5" s="22" t="s">
        <v>39</v>
      </c>
      <c r="P5" s="22" t="s">
        <v>47</v>
      </c>
      <c r="Q5" s="22" t="s">
        <v>41</v>
      </c>
    </row>
    <row r="6" spans="2:17" x14ac:dyDescent="0.25">
      <c r="B6" s="20" t="s">
        <v>48</v>
      </c>
      <c r="C6" s="22" t="s">
        <v>49</v>
      </c>
      <c r="D6" s="22" t="s">
        <v>20</v>
      </c>
      <c r="E6" s="22" t="s">
        <v>21</v>
      </c>
      <c r="F6" s="23" t="s">
        <v>50</v>
      </c>
      <c r="G6" s="22" t="s">
        <v>34</v>
      </c>
      <c r="H6" s="23" t="s">
        <v>51</v>
      </c>
      <c r="I6" s="22" t="s">
        <v>52</v>
      </c>
      <c r="J6" s="22" t="s">
        <v>53</v>
      </c>
      <c r="K6" s="22" t="s">
        <v>25</v>
      </c>
      <c r="L6" s="22" t="s">
        <v>54</v>
      </c>
      <c r="M6" s="22" t="s">
        <v>31</v>
      </c>
      <c r="N6" s="22" t="s">
        <v>55</v>
      </c>
      <c r="O6" s="22" t="s">
        <v>50</v>
      </c>
      <c r="P6" s="22" t="s">
        <v>34</v>
      </c>
      <c r="Q6" s="22" t="s">
        <v>56</v>
      </c>
    </row>
    <row r="7" spans="2:17" x14ac:dyDescent="0.25">
      <c r="B7" s="20" t="s">
        <v>57</v>
      </c>
      <c r="C7" s="22" t="s">
        <v>58</v>
      </c>
      <c r="D7" s="22" t="s">
        <v>38</v>
      </c>
      <c r="E7" s="22" t="s">
        <v>21</v>
      </c>
      <c r="F7" s="23" t="s">
        <v>59</v>
      </c>
      <c r="G7" s="22" t="s">
        <v>60</v>
      </c>
      <c r="H7" s="23" t="s">
        <v>61</v>
      </c>
      <c r="I7" s="22" t="s">
        <v>62</v>
      </c>
      <c r="J7" s="22" t="s">
        <v>63</v>
      </c>
      <c r="K7" s="22" t="s">
        <v>29</v>
      </c>
      <c r="L7" s="22" t="s">
        <v>64</v>
      </c>
      <c r="M7" s="22" t="s">
        <v>65</v>
      </c>
      <c r="N7" s="22" t="s">
        <v>66</v>
      </c>
      <c r="O7" s="22" t="s">
        <v>67</v>
      </c>
      <c r="P7" s="22" t="s">
        <v>68</v>
      </c>
      <c r="Q7" s="22" t="s">
        <v>61</v>
      </c>
    </row>
    <row r="8" spans="2:17" x14ac:dyDescent="0.25">
      <c r="B8" s="20" t="s">
        <v>69</v>
      </c>
      <c r="C8" s="22" t="s">
        <v>70</v>
      </c>
      <c r="D8" s="22" t="s">
        <v>38</v>
      </c>
      <c r="E8" s="22" t="s">
        <v>21</v>
      </c>
      <c r="F8" s="23" t="s">
        <v>71</v>
      </c>
      <c r="G8" s="22" t="s">
        <v>72</v>
      </c>
      <c r="H8" s="23" t="s">
        <v>73</v>
      </c>
      <c r="I8" s="22" t="s">
        <v>74</v>
      </c>
      <c r="J8" s="22" t="s">
        <v>75</v>
      </c>
      <c r="K8" s="22" t="s">
        <v>29</v>
      </c>
      <c r="L8" s="22" t="s">
        <v>70</v>
      </c>
      <c r="M8" s="22" t="s">
        <v>45</v>
      </c>
      <c r="N8" s="22" t="s">
        <v>76</v>
      </c>
      <c r="O8" s="22" t="s">
        <v>71</v>
      </c>
      <c r="P8" s="22" t="s">
        <v>72</v>
      </c>
      <c r="Q8" s="22" t="s">
        <v>73</v>
      </c>
    </row>
    <row r="9" spans="2:17" x14ac:dyDescent="0.25">
      <c r="B9" s="20" t="s">
        <v>77</v>
      </c>
      <c r="C9" s="22" t="s">
        <v>78</v>
      </c>
      <c r="D9" s="22" t="s">
        <v>38</v>
      </c>
      <c r="E9" s="22" t="s">
        <v>21</v>
      </c>
      <c r="F9" s="23" t="s">
        <v>79</v>
      </c>
      <c r="G9" s="22" t="s">
        <v>80</v>
      </c>
      <c r="H9" s="23" t="s">
        <v>81</v>
      </c>
      <c r="I9" s="22" t="s">
        <v>82</v>
      </c>
      <c r="J9" s="22" t="s">
        <v>83</v>
      </c>
      <c r="K9" s="22" t="s">
        <v>29</v>
      </c>
      <c r="L9" s="22" t="s">
        <v>78</v>
      </c>
      <c r="M9" s="22" t="s">
        <v>82</v>
      </c>
      <c r="N9" s="22" t="s">
        <v>83</v>
      </c>
      <c r="O9" s="22" t="s">
        <v>79</v>
      </c>
      <c r="P9" s="22" t="s">
        <v>80</v>
      </c>
      <c r="Q9" s="22" t="s">
        <v>81</v>
      </c>
    </row>
    <row r="10" spans="2:17" x14ac:dyDescent="0.25">
      <c r="B10" s="20" t="s">
        <v>84</v>
      </c>
      <c r="C10" s="22" t="s">
        <v>85</v>
      </c>
      <c r="D10" s="22" t="s">
        <v>20</v>
      </c>
      <c r="E10" s="22" t="s">
        <v>21</v>
      </c>
      <c r="F10" s="23" t="s">
        <v>33</v>
      </c>
      <c r="G10" s="22" t="s">
        <v>86</v>
      </c>
      <c r="H10" s="23" t="s">
        <v>87</v>
      </c>
      <c r="I10" s="22" t="s">
        <v>88</v>
      </c>
      <c r="J10" s="22" t="s">
        <v>88</v>
      </c>
      <c r="K10" s="22" t="s">
        <v>25</v>
      </c>
      <c r="L10" s="22" t="s">
        <v>30</v>
      </c>
      <c r="M10" s="22" t="s">
        <v>31</v>
      </c>
      <c r="N10" s="22" t="s">
        <v>55</v>
      </c>
      <c r="O10" s="22" t="s">
        <v>89</v>
      </c>
      <c r="P10" s="22" t="s">
        <v>86</v>
      </c>
      <c r="Q10" s="22" t="s">
        <v>90</v>
      </c>
    </row>
    <row r="11" spans="2:17" x14ac:dyDescent="0.25">
      <c r="B11" s="20" t="s">
        <v>91</v>
      </c>
      <c r="C11" s="22" t="s">
        <v>92</v>
      </c>
      <c r="D11" s="22" t="s">
        <v>38</v>
      </c>
      <c r="E11" s="22" t="s">
        <v>21</v>
      </c>
      <c r="F11" s="23" t="s">
        <v>71</v>
      </c>
      <c r="G11" s="22" t="s">
        <v>93</v>
      </c>
      <c r="H11" s="23" t="s">
        <v>94</v>
      </c>
      <c r="I11" s="22" t="s">
        <v>95</v>
      </c>
      <c r="J11" s="22" t="s">
        <v>96</v>
      </c>
      <c r="K11" s="22" t="s">
        <v>29</v>
      </c>
      <c r="L11" s="22" t="s">
        <v>97</v>
      </c>
      <c r="M11" s="22" t="s">
        <v>45</v>
      </c>
      <c r="N11" s="22" t="s">
        <v>98</v>
      </c>
      <c r="O11" s="22" t="s">
        <v>67</v>
      </c>
      <c r="P11" s="22" t="s">
        <v>99</v>
      </c>
      <c r="Q11" s="22" t="s">
        <v>94</v>
      </c>
    </row>
    <row r="12" spans="2:17" x14ac:dyDescent="0.25">
      <c r="B12" s="20" t="s">
        <v>100</v>
      </c>
      <c r="C12" s="22" t="s">
        <v>101</v>
      </c>
      <c r="D12" s="22" t="s">
        <v>38</v>
      </c>
      <c r="E12" s="22" t="s">
        <v>21</v>
      </c>
      <c r="F12" s="23" t="s">
        <v>67</v>
      </c>
      <c r="G12" s="22" t="s">
        <v>102</v>
      </c>
      <c r="H12" s="23" t="s">
        <v>103</v>
      </c>
      <c r="I12" s="22" t="s">
        <v>104</v>
      </c>
      <c r="J12" s="22" t="s">
        <v>105</v>
      </c>
      <c r="K12" s="22" t="s">
        <v>29</v>
      </c>
      <c r="L12" s="22" t="s">
        <v>106</v>
      </c>
      <c r="M12" s="22" t="s">
        <v>45</v>
      </c>
      <c r="N12" s="22" t="s">
        <v>107</v>
      </c>
      <c r="O12" s="22" t="s">
        <v>108</v>
      </c>
      <c r="P12" s="22" t="s">
        <v>109</v>
      </c>
      <c r="Q12" s="22" t="s">
        <v>103</v>
      </c>
    </row>
    <row r="13" spans="2:17" x14ac:dyDescent="0.25">
      <c r="B13" s="20" t="s">
        <v>110</v>
      </c>
      <c r="C13" s="22" t="s">
        <v>111</v>
      </c>
      <c r="D13" s="22" t="s">
        <v>112</v>
      </c>
      <c r="E13" s="22" t="s">
        <v>21</v>
      </c>
      <c r="F13" s="23" t="s">
        <v>113</v>
      </c>
      <c r="G13" s="22" t="s">
        <v>114</v>
      </c>
      <c r="H13" s="23" t="s">
        <v>115</v>
      </c>
      <c r="I13" s="22" t="s">
        <v>116</v>
      </c>
      <c r="J13" s="22" t="s">
        <v>117</v>
      </c>
      <c r="K13" s="22" t="s">
        <v>25</v>
      </c>
      <c r="L13" s="22" t="s">
        <v>118</v>
      </c>
      <c r="M13" s="22" t="s">
        <v>119</v>
      </c>
      <c r="N13" s="22" t="s">
        <v>118</v>
      </c>
      <c r="O13" s="22" t="s">
        <v>120</v>
      </c>
      <c r="P13" s="22" t="s">
        <v>121</v>
      </c>
      <c r="Q13" s="22" t="s">
        <v>122</v>
      </c>
    </row>
    <row r="14" spans="2:17" x14ac:dyDescent="0.25">
      <c r="B14" s="20" t="s">
        <v>123</v>
      </c>
      <c r="C14" s="22" t="s">
        <v>124</v>
      </c>
      <c r="D14" s="22" t="s">
        <v>38</v>
      </c>
      <c r="E14" s="22" t="s">
        <v>21</v>
      </c>
      <c r="F14" s="23" t="s">
        <v>125</v>
      </c>
      <c r="G14" s="22" t="s">
        <v>126</v>
      </c>
      <c r="H14" s="23" t="s">
        <v>127</v>
      </c>
      <c r="I14" s="22" t="s">
        <v>128</v>
      </c>
      <c r="J14" s="22" t="s">
        <v>129</v>
      </c>
      <c r="K14" s="22" t="s">
        <v>25</v>
      </c>
      <c r="L14" s="22" t="s">
        <v>124</v>
      </c>
      <c r="M14" s="22" t="s">
        <v>95</v>
      </c>
      <c r="N14" s="22" t="s">
        <v>130</v>
      </c>
      <c r="O14" s="22" t="s">
        <v>125</v>
      </c>
      <c r="P14" s="22" t="s">
        <v>131</v>
      </c>
      <c r="Q14" s="22" t="s">
        <v>127</v>
      </c>
    </row>
    <row r="15" spans="2:17" x14ac:dyDescent="0.25">
      <c r="B15" s="20" t="s">
        <v>132</v>
      </c>
      <c r="C15" s="22" t="s">
        <v>133</v>
      </c>
      <c r="D15" s="22" t="s">
        <v>38</v>
      </c>
      <c r="E15" s="22" t="s">
        <v>21</v>
      </c>
      <c r="F15" s="23" t="s">
        <v>134</v>
      </c>
      <c r="G15" s="22" t="s">
        <v>135</v>
      </c>
      <c r="H15" s="23" t="s">
        <v>136</v>
      </c>
      <c r="I15" s="22" t="s">
        <v>28</v>
      </c>
      <c r="J15" s="22" t="s">
        <v>137</v>
      </c>
      <c r="K15" s="22" t="s">
        <v>25</v>
      </c>
      <c r="L15" s="22" t="s">
        <v>138</v>
      </c>
      <c r="M15" s="22" t="s">
        <v>65</v>
      </c>
      <c r="N15" s="22" t="s">
        <v>139</v>
      </c>
      <c r="O15" s="22" t="s">
        <v>134</v>
      </c>
      <c r="P15" s="22" t="s">
        <v>135</v>
      </c>
      <c r="Q15" s="22" t="s">
        <v>136</v>
      </c>
    </row>
    <row r="16" spans="2:17" x14ac:dyDescent="0.25">
      <c r="B16" s="20" t="s">
        <v>140</v>
      </c>
      <c r="C16" s="22" t="s">
        <v>141</v>
      </c>
      <c r="D16" s="22" t="s">
        <v>38</v>
      </c>
      <c r="E16" s="22" t="s">
        <v>21</v>
      </c>
      <c r="F16" s="23" t="s">
        <v>71</v>
      </c>
      <c r="G16" s="22" t="s">
        <v>142</v>
      </c>
      <c r="H16" s="23" t="s">
        <v>143</v>
      </c>
      <c r="I16" s="22" t="s">
        <v>28</v>
      </c>
      <c r="J16" s="22" t="s">
        <v>144</v>
      </c>
      <c r="K16" s="22" t="s">
        <v>29</v>
      </c>
      <c r="L16" s="22" t="s">
        <v>28</v>
      </c>
      <c r="M16" s="22" t="s">
        <v>28</v>
      </c>
      <c r="N16" s="22" t="s">
        <v>144</v>
      </c>
      <c r="O16" s="22" t="s">
        <v>71</v>
      </c>
      <c r="P16" s="22" t="s">
        <v>142</v>
      </c>
      <c r="Q16" s="22" t="s">
        <v>143</v>
      </c>
    </row>
    <row r="17" spans="2:17" x14ac:dyDescent="0.25">
      <c r="B17" s="20" t="s">
        <v>145</v>
      </c>
      <c r="C17" s="22" t="s">
        <v>146</v>
      </c>
      <c r="D17" s="22" t="s">
        <v>20</v>
      </c>
      <c r="E17" s="22" t="s">
        <v>21</v>
      </c>
      <c r="F17" s="23" t="s">
        <v>147</v>
      </c>
      <c r="G17" s="22" t="s">
        <v>148</v>
      </c>
      <c r="H17" s="23" t="s">
        <v>149</v>
      </c>
      <c r="I17" s="22" t="s">
        <v>150</v>
      </c>
      <c r="J17" s="22" t="s">
        <v>151</v>
      </c>
      <c r="K17" s="22" t="s">
        <v>29</v>
      </c>
      <c r="L17" s="22" t="s">
        <v>30</v>
      </c>
      <c r="M17" s="22" t="s">
        <v>31</v>
      </c>
      <c r="N17" s="22" t="s">
        <v>55</v>
      </c>
      <c r="O17" s="22" t="s">
        <v>33</v>
      </c>
      <c r="P17" s="22" t="s">
        <v>152</v>
      </c>
      <c r="Q17" s="22" t="s">
        <v>90</v>
      </c>
    </row>
    <row r="18" spans="2:17" x14ac:dyDescent="0.25">
      <c r="B18" s="20" t="s">
        <v>153</v>
      </c>
      <c r="C18" s="22" t="s">
        <v>154</v>
      </c>
      <c r="D18" s="22" t="s">
        <v>20</v>
      </c>
      <c r="E18" s="22" t="s">
        <v>21</v>
      </c>
      <c r="F18" s="23" t="s">
        <v>155</v>
      </c>
      <c r="G18" s="22" t="s">
        <v>156</v>
      </c>
      <c r="H18" s="23" t="s">
        <v>157</v>
      </c>
      <c r="I18" s="22" t="s">
        <v>158</v>
      </c>
      <c r="J18" s="22" t="s">
        <v>159</v>
      </c>
      <c r="K18" s="22" t="s">
        <v>29</v>
      </c>
      <c r="L18" s="22" t="s">
        <v>30</v>
      </c>
      <c r="M18" s="22" t="s">
        <v>31</v>
      </c>
      <c r="N18" s="22" t="s">
        <v>55</v>
      </c>
      <c r="O18" s="22" t="s">
        <v>50</v>
      </c>
      <c r="P18" s="22" t="s">
        <v>34</v>
      </c>
      <c r="Q18" s="22" t="s">
        <v>56</v>
      </c>
    </row>
    <row r="19" spans="2:17" x14ac:dyDescent="0.25">
      <c r="B19" s="20" t="s">
        <v>160</v>
      </c>
      <c r="C19" s="22" t="s">
        <v>161</v>
      </c>
      <c r="D19" s="22" t="s">
        <v>38</v>
      </c>
      <c r="E19" s="22" t="s">
        <v>21</v>
      </c>
      <c r="F19" s="23" t="s">
        <v>71</v>
      </c>
      <c r="G19" s="22" t="s">
        <v>162</v>
      </c>
      <c r="H19" s="23" t="s">
        <v>163</v>
      </c>
      <c r="I19" s="22" t="s">
        <v>28</v>
      </c>
      <c r="J19" s="22" t="s">
        <v>164</v>
      </c>
      <c r="K19" s="22" t="s">
        <v>29</v>
      </c>
      <c r="L19" s="22" t="s">
        <v>165</v>
      </c>
      <c r="M19" s="22" t="s">
        <v>45</v>
      </c>
      <c r="N19" s="22" t="s">
        <v>166</v>
      </c>
      <c r="O19" s="22" t="s">
        <v>167</v>
      </c>
      <c r="P19" s="22" t="s">
        <v>168</v>
      </c>
      <c r="Q19" s="22" t="s">
        <v>169</v>
      </c>
    </row>
    <row r="20" spans="2:17" x14ac:dyDescent="0.25">
      <c r="B20" s="20" t="s">
        <v>170</v>
      </c>
      <c r="C20" s="22" t="s">
        <v>171</v>
      </c>
      <c r="D20" s="22" t="s">
        <v>38</v>
      </c>
      <c r="E20" s="22" t="s">
        <v>21</v>
      </c>
      <c r="F20" s="23" t="s">
        <v>172</v>
      </c>
      <c r="G20" s="22" t="s">
        <v>173</v>
      </c>
      <c r="H20" s="23" t="s">
        <v>174</v>
      </c>
      <c r="I20" s="22" t="s">
        <v>175</v>
      </c>
      <c r="J20" s="22" t="s">
        <v>176</v>
      </c>
      <c r="K20" s="22" t="s">
        <v>29</v>
      </c>
      <c r="L20" s="22" t="s">
        <v>171</v>
      </c>
      <c r="M20" s="22" t="s">
        <v>175</v>
      </c>
      <c r="N20" s="22" t="s">
        <v>176</v>
      </c>
      <c r="O20" s="22" t="s">
        <v>172</v>
      </c>
      <c r="P20" s="22" t="s">
        <v>173</v>
      </c>
      <c r="Q20" s="22" t="s">
        <v>174</v>
      </c>
    </row>
    <row r="21" spans="2:17" x14ac:dyDescent="0.25">
      <c r="B21" s="20" t="s">
        <v>177</v>
      </c>
      <c r="C21" s="22" t="s">
        <v>178</v>
      </c>
      <c r="D21" s="22" t="s">
        <v>38</v>
      </c>
      <c r="E21" s="22" t="s">
        <v>179</v>
      </c>
      <c r="F21" s="23" t="s">
        <v>180</v>
      </c>
      <c r="G21" s="22" t="s">
        <v>181</v>
      </c>
      <c r="H21" s="23" t="s">
        <v>182</v>
      </c>
      <c r="I21" s="22" t="s">
        <v>183</v>
      </c>
      <c r="J21" s="22" t="s">
        <v>184</v>
      </c>
      <c r="K21" s="22" t="s">
        <v>29</v>
      </c>
      <c r="L21" s="22" t="s">
        <v>178</v>
      </c>
      <c r="M21" s="22" t="s">
        <v>185</v>
      </c>
      <c r="N21" s="22" t="s">
        <v>186</v>
      </c>
      <c r="O21" s="22" t="s">
        <v>180</v>
      </c>
      <c r="P21" s="22" t="s">
        <v>181</v>
      </c>
      <c r="Q21" s="22" t="s">
        <v>182</v>
      </c>
    </row>
    <row r="22" spans="2:17" x14ac:dyDescent="0.25">
      <c r="B22" s="20" t="s">
        <v>187</v>
      </c>
      <c r="C22" s="22" t="s">
        <v>188</v>
      </c>
      <c r="D22" s="22" t="s">
        <v>38</v>
      </c>
      <c r="E22" s="22" t="s">
        <v>179</v>
      </c>
      <c r="F22" s="23" t="s">
        <v>189</v>
      </c>
      <c r="G22" s="22" t="s">
        <v>190</v>
      </c>
      <c r="H22" s="23" t="s">
        <v>191</v>
      </c>
      <c r="I22" s="22" t="s">
        <v>192</v>
      </c>
      <c r="J22" s="22" t="s">
        <v>193</v>
      </c>
      <c r="K22" s="22" t="s">
        <v>29</v>
      </c>
      <c r="L22" s="22" t="s">
        <v>194</v>
      </c>
      <c r="M22" s="22" t="s">
        <v>45</v>
      </c>
      <c r="N22" s="22" t="s">
        <v>195</v>
      </c>
      <c r="O22" s="22" t="s">
        <v>189</v>
      </c>
      <c r="P22" s="22" t="s">
        <v>190</v>
      </c>
      <c r="Q22" s="22" t="s">
        <v>191</v>
      </c>
    </row>
    <row r="23" spans="2:17" x14ac:dyDescent="0.25">
      <c r="B23" s="20" t="s">
        <v>196</v>
      </c>
      <c r="C23" s="22" t="s">
        <v>197</v>
      </c>
      <c r="D23" s="22" t="s">
        <v>38</v>
      </c>
      <c r="E23" s="22" t="s">
        <v>179</v>
      </c>
      <c r="F23" s="23" t="s">
        <v>198</v>
      </c>
      <c r="G23" s="22" t="s">
        <v>199</v>
      </c>
      <c r="H23" s="23" t="s">
        <v>200</v>
      </c>
      <c r="I23" s="22" t="s">
        <v>201</v>
      </c>
      <c r="J23" s="22" t="s">
        <v>202</v>
      </c>
      <c r="K23" s="22" t="s">
        <v>29</v>
      </c>
      <c r="L23" s="22" t="s">
        <v>197</v>
      </c>
      <c r="M23" s="22" t="s">
        <v>45</v>
      </c>
      <c r="N23" s="22" t="s">
        <v>203</v>
      </c>
      <c r="O23" s="22" t="s">
        <v>198</v>
      </c>
      <c r="P23" s="22" t="s">
        <v>204</v>
      </c>
      <c r="Q23" s="22" t="s">
        <v>200</v>
      </c>
    </row>
    <row r="24" spans="2:17" x14ac:dyDescent="0.25">
      <c r="B24" s="20" t="s">
        <v>205</v>
      </c>
      <c r="C24" s="22" t="s">
        <v>206</v>
      </c>
      <c r="D24" s="22" t="s">
        <v>38</v>
      </c>
      <c r="E24" s="22" t="s">
        <v>179</v>
      </c>
      <c r="F24" s="23" t="s">
        <v>207</v>
      </c>
      <c r="G24" s="22" t="s">
        <v>208</v>
      </c>
      <c r="H24" s="23" t="s">
        <v>209</v>
      </c>
      <c r="I24" s="22" t="s">
        <v>45</v>
      </c>
      <c r="J24" s="22" t="s">
        <v>210</v>
      </c>
      <c r="K24" s="22" t="s">
        <v>29</v>
      </c>
      <c r="L24" s="22" t="s">
        <v>211</v>
      </c>
      <c r="M24" s="22" t="s">
        <v>45</v>
      </c>
      <c r="N24" s="22" t="s">
        <v>210</v>
      </c>
      <c r="O24" s="22" t="s">
        <v>207</v>
      </c>
      <c r="P24" s="22" t="s">
        <v>212</v>
      </c>
      <c r="Q24" s="22" t="s">
        <v>209</v>
      </c>
    </row>
    <row r="25" spans="2:17" x14ac:dyDescent="0.25">
      <c r="B25" s="20" t="s">
        <v>213</v>
      </c>
      <c r="C25" s="22" t="s">
        <v>214</v>
      </c>
      <c r="D25" s="22" t="s">
        <v>20</v>
      </c>
      <c r="E25" s="22" t="s">
        <v>179</v>
      </c>
      <c r="F25" s="23" t="s">
        <v>215</v>
      </c>
      <c r="G25" s="22" t="s">
        <v>216</v>
      </c>
      <c r="H25" s="23" t="s">
        <v>217</v>
      </c>
      <c r="I25" s="22" t="s">
        <v>218</v>
      </c>
      <c r="J25" s="22" t="s">
        <v>219</v>
      </c>
      <c r="K25" s="22" t="s">
        <v>25</v>
      </c>
      <c r="L25" s="22" t="s">
        <v>220</v>
      </c>
      <c r="M25" s="22" t="s">
        <v>221</v>
      </c>
      <c r="N25" s="22" t="s">
        <v>222</v>
      </c>
      <c r="O25" s="22" t="s">
        <v>223</v>
      </c>
      <c r="P25" s="22" t="s">
        <v>224</v>
      </c>
      <c r="Q25" s="22" t="s">
        <v>217</v>
      </c>
    </row>
    <row r="26" spans="2:17" x14ac:dyDescent="0.25">
      <c r="B26" s="20" t="s">
        <v>225</v>
      </c>
      <c r="C26" s="22" t="s">
        <v>226</v>
      </c>
      <c r="D26" s="22" t="s">
        <v>38</v>
      </c>
      <c r="E26" s="22" t="s">
        <v>179</v>
      </c>
      <c r="F26" s="23" t="s">
        <v>227</v>
      </c>
      <c r="G26" s="22" t="s">
        <v>228</v>
      </c>
      <c r="H26" s="23" t="s">
        <v>229</v>
      </c>
      <c r="I26" s="22" t="s">
        <v>45</v>
      </c>
      <c r="J26" s="22" t="s">
        <v>230</v>
      </c>
      <c r="K26" s="22" t="s">
        <v>29</v>
      </c>
      <c r="L26" s="22" t="s">
        <v>231</v>
      </c>
      <c r="M26" s="22" t="s">
        <v>232</v>
      </c>
      <c r="N26" s="22" t="s">
        <v>233</v>
      </c>
      <c r="O26" s="22" t="s">
        <v>234</v>
      </c>
      <c r="P26" s="22" t="s">
        <v>235</v>
      </c>
      <c r="Q26" s="22" t="s">
        <v>236</v>
      </c>
    </row>
    <row r="27" spans="2:17" x14ac:dyDescent="0.25">
      <c r="B27" s="20" t="s">
        <v>237</v>
      </c>
      <c r="C27" s="22" t="s">
        <v>238</v>
      </c>
      <c r="D27" s="22" t="s">
        <v>38</v>
      </c>
      <c r="E27" s="22" t="s">
        <v>179</v>
      </c>
      <c r="F27" s="23" t="s">
        <v>239</v>
      </c>
      <c r="G27" s="22" t="s">
        <v>240</v>
      </c>
      <c r="H27" s="23" t="s">
        <v>241</v>
      </c>
      <c r="I27" s="22" t="s">
        <v>28</v>
      </c>
      <c r="J27" s="22" t="s">
        <v>242</v>
      </c>
      <c r="K27" s="22" t="s">
        <v>29</v>
      </c>
      <c r="L27" s="22" t="s">
        <v>238</v>
      </c>
      <c r="M27" s="22" t="s">
        <v>45</v>
      </c>
      <c r="N27" s="22" t="s">
        <v>242</v>
      </c>
      <c r="O27" s="22" t="s">
        <v>239</v>
      </c>
      <c r="P27" s="22" t="s">
        <v>240</v>
      </c>
      <c r="Q27" s="22" t="s">
        <v>241</v>
      </c>
    </row>
    <row r="28" spans="2:17" x14ac:dyDescent="0.25">
      <c r="B28" s="20" t="s">
        <v>243</v>
      </c>
      <c r="C28" s="22" t="s">
        <v>244</v>
      </c>
      <c r="D28" s="22" t="s">
        <v>38</v>
      </c>
      <c r="E28" s="22" t="s">
        <v>179</v>
      </c>
      <c r="F28" s="23" t="s">
        <v>245</v>
      </c>
      <c r="G28" s="22" t="s">
        <v>246</v>
      </c>
      <c r="H28" s="23" t="s">
        <v>247</v>
      </c>
      <c r="I28" s="22" t="s">
        <v>248</v>
      </c>
      <c r="J28" s="22" t="s">
        <v>249</v>
      </c>
      <c r="K28" s="22" t="s">
        <v>29</v>
      </c>
      <c r="L28" s="22" t="s">
        <v>244</v>
      </c>
      <c r="M28" s="22" t="s">
        <v>250</v>
      </c>
      <c r="N28" s="22" t="s">
        <v>251</v>
      </c>
      <c r="O28" s="22" t="s">
        <v>245</v>
      </c>
      <c r="P28" s="22" t="s">
        <v>246</v>
      </c>
      <c r="Q28" s="22" t="s">
        <v>247</v>
      </c>
    </row>
    <row r="29" spans="2:17" x14ac:dyDescent="0.25">
      <c r="B29" s="20" t="s">
        <v>252</v>
      </c>
      <c r="C29" s="22" t="s">
        <v>253</v>
      </c>
      <c r="D29" s="22" t="s">
        <v>38</v>
      </c>
      <c r="E29" s="22" t="s">
        <v>179</v>
      </c>
      <c r="F29" s="23" t="s">
        <v>239</v>
      </c>
      <c r="G29" s="22" t="s">
        <v>254</v>
      </c>
      <c r="H29" s="23" t="s">
        <v>255</v>
      </c>
      <c r="I29" s="22" t="s">
        <v>95</v>
      </c>
      <c r="J29" s="22" t="s">
        <v>256</v>
      </c>
      <c r="K29" s="22" t="s">
        <v>29</v>
      </c>
      <c r="L29" s="22" t="s">
        <v>257</v>
      </c>
      <c r="M29" s="22" t="s">
        <v>45</v>
      </c>
      <c r="N29" s="22" t="s">
        <v>258</v>
      </c>
      <c r="O29" s="22" t="s">
        <v>239</v>
      </c>
      <c r="P29" s="22" t="s">
        <v>259</v>
      </c>
      <c r="Q29" s="22" t="s">
        <v>260</v>
      </c>
    </row>
    <row r="30" spans="2:17" x14ac:dyDescent="0.25">
      <c r="B30" s="20" t="s">
        <v>261</v>
      </c>
      <c r="C30" s="22" t="s">
        <v>262</v>
      </c>
      <c r="D30" s="22" t="s">
        <v>38</v>
      </c>
      <c r="E30" s="22" t="s">
        <v>179</v>
      </c>
      <c r="F30" s="23" t="s">
        <v>263</v>
      </c>
      <c r="G30" s="22" t="s">
        <v>264</v>
      </c>
      <c r="H30" s="23" t="s">
        <v>265</v>
      </c>
      <c r="I30" s="22" t="s">
        <v>266</v>
      </c>
      <c r="J30" s="22" t="s">
        <v>267</v>
      </c>
      <c r="K30" s="22" t="s">
        <v>29</v>
      </c>
      <c r="L30" s="22" t="s">
        <v>268</v>
      </c>
      <c r="M30" s="22" t="s">
        <v>269</v>
      </c>
      <c r="N30" s="22" t="s">
        <v>270</v>
      </c>
      <c r="O30" s="22" t="s">
        <v>271</v>
      </c>
      <c r="P30" s="22" t="s">
        <v>272</v>
      </c>
      <c r="Q30" s="22" t="s">
        <v>265</v>
      </c>
    </row>
    <row r="31" spans="2:17" x14ac:dyDescent="0.25">
      <c r="B31" s="20" t="s">
        <v>273</v>
      </c>
      <c r="C31" s="22" t="s">
        <v>274</v>
      </c>
      <c r="D31" s="22" t="s">
        <v>38</v>
      </c>
      <c r="E31" s="22" t="s">
        <v>179</v>
      </c>
      <c r="F31" s="23" t="s">
        <v>275</v>
      </c>
      <c r="G31" s="22" t="s">
        <v>276</v>
      </c>
      <c r="H31" s="23" t="s">
        <v>277</v>
      </c>
      <c r="I31" s="22" t="s">
        <v>278</v>
      </c>
      <c r="J31" s="22" t="s">
        <v>279</v>
      </c>
      <c r="K31" s="22" t="s">
        <v>25</v>
      </c>
      <c r="L31" s="22" t="s">
        <v>280</v>
      </c>
      <c r="M31" s="22" t="s">
        <v>45</v>
      </c>
      <c r="N31" s="22" t="s">
        <v>281</v>
      </c>
      <c r="O31" s="22" t="s">
        <v>282</v>
      </c>
      <c r="P31" s="22" t="s">
        <v>283</v>
      </c>
      <c r="Q31" s="22" t="s">
        <v>284</v>
      </c>
    </row>
    <row r="32" spans="2:17" x14ac:dyDescent="0.25">
      <c r="B32" s="20" t="s">
        <v>285</v>
      </c>
      <c r="C32" s="22" t="s">
        <v>286</v>
      </c>
      <c r="D32" s="22" t="s">
        <v>38</v>
      </c>
      <c r="E32" s="22" t="s">
        <v>179</v>
      </c>
      <c r="F32" s="23" t="s">
        <v>287</v>
      </c>
      <c r="G32" s="22" t="s">
        <v>288</v>
      </c>
      <c r="H32" s="23" t="s">
        <v>289</v>
      </c>
      <c r="I32" s="22" t="s">
        <v>290</v>
      </c>
      <c r="J32" s="22" t="s">
        <v>291</v>
      </c>
      <c r="K32" s="22" t="s">
        <v>25</v>
      </c>
      <c r="L32" s="22" t="s">
        <v>292</v>
      </c>
      <c r="M32" s="22" t="s">
        <v>45</v>
      </c>
      <c r="N32" s="22" t="s">
        <v>293</v>
      </c>
      <c r="O32" s="22" t="s">
        <v>294</v>
      </c>
      <c r="P32" s="22" t="s">
        <v>295</v>
      </c>
      <c r="Q32" s="22" t="s">
        <v>289</v>
      </c>
    </row>
    <row r="33" spans="2:17" x14ac:dyDescent="0.25">
      <c r="B33" s="20" t="s">
        <v>296</v>
      </c>
      <c r="C33" s="22" t="s">
        <v>297</v>
      </c>
      <c r="D33" s="22" t="s">
        <v>38</v>
      </c>
      <c r="E33" s="22" t="s">
        <v>179</v>
      </c>
      <c r="F33" s="23" t="s">
        <v>298</v>
      </c>
      <c r="G33" s="22" t="s">
        <v>299</v>
      </c>
      <c r="H33" s="23" t="s">
        <v>300</v>
      </c>
      <c r="I33" s="22" t="s">
        <v>301</v>
      </c>
      <c r="J33" s="22" t="s">
        <v>302</v>
      </c>
      <c r="K33" s="22" t="s">
        <v>25</v>
      </c>
      <c r="L33" s="22" t="s">
        <v>303</v>
      </c>
      <c r="M33" s="22" t="s">
        <v>304</v>
      </c>
      <c r="N33" s="22" t="s">
        <v>305</v>
      </c>
      <c r="O33" s="22" t="s">
        <v>306</v>
      </c>
      <c r="P33" s="22" t="s">
        <v>307</v>
      </c>
      <c r="Q33" s="22" t="s">
        <v>308</v>
      </c>
    </row>
    <row r="34" spans="2:17" x14ac:dyDescent="0.25">
      <c r="B34" s="20" t="s">
        <v>309</v>
      </c>
      <c r="C34" s="22" t="s">
        <v>310</v>
      </c>
      <c r="D34" s="22" t="s">
        <v>38</v>
      </c>
      <c r="E34" s="22" t="s">
        <v>179</v>
      </c>
      <c r="F34" s="23" t="s">
        <v>311</v>
      </c>
      <c r="G34" s="22" t="s">
        <v>312</v>
      </c>
      <c r="H34" s="23" t="s">
        <v>313</v>
      </c>
      <c r="I34" s="22" t="s">
        <v>28</v>
      </c>
      <c r="J34" s="22" t="s">
        <v>314</v>
      </c>
      <c r="K34" s="22" t="s">
        <v>25</v>
      </c>
      <c r="L34" s="22" t="s">
        <v>315</v>
      </c>
      <c r="M34" s="22" t="s">
        <v>269</v>
      </c>
      <c r="N34" s="22" t="s">
        <v>316</v>
      </c>
      <c r="O34" s="22" t="s">
        <v>317</v>
      </c>
      <c r="P34" s="22" t="s">
        <v>318</v>
      </c>
      <c r="Q34" s="22" t="s">
        <v>319</v>
      </c>
    </row>
    <row r="35" spans="2:17" x14ac:dyDescent="0.25">
      <c r="B35" s="20" t="s">
        <v>320</v>
      </c>
      <c r="C35" s="22" t="s">
        <v>321</v>
      </c>
      <c r="D35" s="22" t="s">
        <v>322</v>
      </c>
      <c r="E35" s="22" t="s">
        <v>323</v>
      </c>
      <c r="F35" s="23" t="s">
        <v>324</v>
      </c>
      <c r="G35" s="22" t="s">
        <v>325</v>
      </c>
      <c r="H35" s="23" t="s">
        <v>326</v>
      </c>
      <c r="I35" s="22" t="s">
        <v>327</v>
      </c>
      <c r="J35" s="22" t="s">
        <v>328</v>
      </c>
      <c r="K35" s="22" t="s">
        <v>29</v>
      </c>
      <c r="L35" s="22" t="s">
        <v>321</v>
      </c>
      <c r="M35" s="22" t="s">
        <v>329</v>
      </c>
      <c r="N35" s="22" t="s">
        <v>330</v>
      </c>
      <c r="O35" s="22" t="s">
        <v>324</v>
      </c>
      <c r="P35" s="22" t="s">
        <v>325</v>
      </c>
      <c r="Q35" s="22" t="s">
        <v>326</v>
      </c>
    </row>
    <row r="36" spans="2:17" x14ac:dyDescent="0.25">
      <c r="B36" s="20" t="s">
        <v>331</v>
      </c>
      <c r="C36" s="22" t="s">
        <v>332</v>
      </c>
      <c r="D36" s="22" t="s">
        <v>38</v>
      </c>
      <c r="E36" s="22" t="s">
        <v>323</v>
      </c>
      <c r="F36" s="23" t="s">
        <v>333</v>
      </c>
      <c r="G36" s="22" t="s">
        <v>334</v>
      </c>
      <c r="H36" s="23" t="s">
        <v>335</v>
      </c>
      <c r="I36" s="22" t="s">
        <v>336</v>
      </c>
      <c r="J36" s="22" t="s">
        <v>337</v>
      </c>
      <c r="K36" s="22" t="s">
        <v>29</v>
      </c>
      <c r="L36" s="22" t="s">
        <v>338</v>
      </c>
      <c r="M36" s="22" t="s">
        <v>339</v>
      </c>
      <c r="N36" s="22" t="s">
        <v>340</v>
      </c>
      <c r="O36" s="22" t="s">
        <v>341</v>
      </c>
      <c r="P36" s="22" t="s">
        <v>342</v>
      </c>
      <c r="Q36" s="22" t="s">
        <v>343</v>
      </c>
    </row>
    <row r="37" spans="2:17" x14ac:dyDescent="0.25">
      <c r="B37" s="20" t="s">
        <v>344</v>
      </c>
      <c r="C37" s="22" t="s">
        <v>345</v>
      </c>
      <c r="D37" s="22" t="s">
        <v>38</v>
      </c>
      <c r="E37" s="22" t="s">
        <v>323</v>
      </c>
      <c r="F37" s="23" t="s">
        <v>346</v>
      </c>
      <c r="G37" s="22" t="s">
        <v>347</v>
      </c>
      <c r="H37" s="23" t="s">
        <v>348</v>
      </c>
      <c r="I37" s="22" t="s">
        <v>65</v>
      </c>
      <c r="J37" s="22" t="s">
        <v>349</v>
      </c>
      <c r="K37" s="22" t="s">
        <v>25</v>
      </c>
      <c r="L37" s="22" t="s">
        <v>350</v>
      </c>
      <c r="M37" s="22" t="s">
        <v>351</v>
      </c>
      <c r="N37" s="22" t="s">
        <v>349</v>
      </c>
      <c r="O37" s="22" t="s">
        <v>346</v>
      </c>
      <c r="P37" s="22" t="s">
        <v>347</v>
      </c>
      <c r="Q37" s="22" t="s">
        <v>348</v>
      </c>
    </row>
    <row r="38" spans="2:17" x14ac:dyDescent="0.25">
      <c r="B38" s="20" t="s">
        <v>352</v>
      </c>
      <c r="C38" s="22" t="s">
        <v>353</v>
      </c>
      <c r="D38" s="22" t="s">
        <v>38</v>
      </c>
      <c r="E38" s="22" t="s">
        <v>323</v>
      </c>
      <c r="F38" s="23" t="s">
        <v>354</v>
      </c>
      <c r="G38" s="22" t="s">
        <v>355</v>
      </c>
      <c r="H38" s="23" t="s">
        <v>356</v>
      </c>
      <c r="I38" s="22" t="s">
        <v>28</v>
      </c>
      <c r="J38" s="22" t="s">
        <v>357</v>
      </c>
      <c r="K38" s="22" t="s">
        <v>29</v>
      </c>
      <c r="L38" s="22" t="s">
        <v>358</v>
      </c>
      <c r="M38" s="22" t="s">
        <v>45</v>
      </c>
      <c r="N38" s="22" t="s">
        <v>359</v>
      </c>
      <c r="O38" s="22" t="s">
        <v>354</v>
      </c>
      <c r="P38" s="22" t="s">
        <v>355</v>
      </c>
      <c r="Q38" s="22" t="s">
        <v>356</v>
      </c>
    </row>
    <row r="39" spans="2:17" x14ac:dyDescent="0.25">
      <c r="B39" s="20" t="s">
        <v>360</v>
      </c>
      <c r="C39" s="22" t="s">
        <v>361</v>
      </c>
      <c r="D39" s="22" t="s">
        <v>38</v>
      </c>
      <c r="E39" s="22" t="s">
        <v>323</v>
      </c>
      <c r="F39" s="23" t="s">
        <v>362</v>
      </c>
      <c r="G39" s="22" t="s">
        <v>363</v>
      </c>
      <c r="H39" s="23" t="s">
        <v>335</v>
      </c>
      <c r="I39" s="22" t="s">
        <v>336</v>
      </c>
      <c r="J39" s="22" t="s">
        <v>337</v>
      </c>
      <c r="K39" s="22" t="s">
        <v>29</v>
      </c>
      <c r="L39" s="22" t="s">
        <v>338</v>
      </c>
      <c r="M39" s="22" t="s">
        <v>339</v>
      </c>
      <c r="N39" s="22" t="s">
        <v>340</v>
      </c>
      <c r="O39" s="22" t="s">
        <v>341</v>
      </c>
      <c r="P39" s="22" t="s">
        <v>342</v>
      </c>
      <c r="Q39" s="22" t="s">
        <v>343</v>
      </c>
    </row>
    <row r="40" spans="2:17" x14ac:dyDescent="0.25">
      <c r="B40" s="20" t="s">
        <v>364</v>
      </c>
      <c r="C40" s="22" t="s">
        <v>365</v>
      </c>
      <c r="D40" s="22" t="s">
        <v>38</v>
      </c>
      <c r="E40" s="22" t="s">
        <v>323</v>
      </c>
      <c r="F40" s="23" t="s">
        <v>366</v>
      </c>
      <c r="G40" s="22" t="s">
        <v>367</v>
      </c>
      <c r="H40" s="23" t="s">
        <v>335</v>
      </c>
      <c r="I40" s="22" t="s">
        <v>336</v>
      </c>
      <c r="J40" s="22" t="s">
        <v>337</v>
      </c>
      <c r="K40" s="22" t="s">
        <v>29</v>
      </c>
      <c r="L40" s="22" t="s">
        <v>338</v>
      </c>
      <c r="M40" s="22" t="s">
        <v>339</v>
      </c>
      <c r="N40" s="22" t="s">
        <v>340</v>
      </c>
      <c r="O40" s="22" t="s">
        <v>341</v>
      </c>
      <c r="P40" s="22" t="s">
        <v>342</v>
      </c>
      <c r="Q40" s="22" t="s">
        <v>343</v>
      </c>
    </row>
    <row r="41" spans="2:17" x14ac:dyDescent="0.25">
      <c r="B41" s="20" t="s">
        <v>368</v>
      </c>
      <c r="C41" s="22" t="s">
        <v>369</v>
      </c>
      <c r="D41" s="22" t="s">
        <v>38</v>
      </c>
      <c r="E41" s="22" t="s">
        <v>323</v>
      </c>
      <c r="F41" s="23" t="s">
        <v>370</v>
      </c>
      <c r="G41" s="22" t="s">
        <v>371</v>
      </c>
      <c r="H41" s="23" t="s">
        <v>372</v>
      </c>
      <c r="I41" s="22" t="s">
        <v>373</v>
      </c>
      <c r="J41" s="22" t="s">
        <v>374</v>
      </c>
      <c r="K41" s="22" t="s">
        <v>25</v>
      </c>
      <c r="L41" s="22" t="s">
        <v>375</v>
      </c>
      <c r="M41" s="22" t="s">
        <v>269</v>
      </c>
      <c r="N41" s="22" t="s">
        <v>376</v>
      </c>
      <c r="O41" s="22" t="s">
        <v>341</v>
      </c>
      <c r="P41" s="22" t="s">
        <v>377</v>
      </c>
      <c r="Q41" s="22" t="s">
        <v>343</v>
      </c>
    </row>
    <row r="42" spans="2:17" x14ac:dyDescent="0.25">
      <c r="B42" s="20" t="s">
        <v>378</v>
      </c>
      <c r="C42" s="22" t="s">
        <v>379</v>
      </c>
      <c r="D42" s="22" t="s">
        <v>20</v>
      </c>
      <c r="E42" s="22" t="s">
        <v>323</v>
      </c>
      <c r="F42" s="23" t="s">
        <v>354</v>
      </c>
      <c r="G42" s="22" t="s">
        <v>380</v>
      </c>
      <c r="H42" s="23" t="s">
        <v>381</v>
      </c>
      <c r="I42" s="22" t="s">
        <v>221</v>
      </c>
      <c r="J42" s="22" t="s">
        <v>382</v>
      </c>
      <c r="K42" s="22" t="s">
        <v>29</v>
      </c>
      <c r="L42" s="22" t="s">
        <v>383</v>
      </c>
      <c r="M42" s="22" t="s">
        <v>221</v>
      </c>
      <c r="N42" s="22" t="s">
        <v>382</v>
      </c>
      <c r="O42" s="22" t="s">
        <v>384</v>
      </c>
      <c r="P42" s="22" t="s">
        <v>385</v>
      </c>
      <c r="Q42" s="22" t="s">
        <v>386</v>
      </c>
    </row>
    <row r="43" spans="2:17" x14ac:dyDescent="0.25">
      <c r="B43" s="20" t="s">
        <v>387</v>
      </c>
      <c r="C43" s="22" t="s">
        <v>388</v>
      </c>
      <c r="D43" s="22" t="s">
        <v>38</v>
      </c>
      <c r="E43" s="22" t="s">
        <v>323</v>
      </c>
      <c r="F43" s="23" t="s">
        <v>389</v>
      </c>
      <c r="G43" s="22" t="s">
        <v>390</v>
      </c>
      <c r="H43" s="23" t="s">
        <v>391</v>
      </c>
      <c r="I43" s="22" t="s">
        <v>392</v>
      </c>
      <c r="J43" s="22" t="s">
        <v>393</v>
      </c>
      <c r="K43" s="22" t="s">
        <v>29</v>
      </c>
      <c r="L43" s="22" t="s">
        <v>394</v>
      </c>
      <c r="M43" s="22" t="s">
        <v>392</v>
      </c>
      <c r="N43" s="22" t="s">
        <v>393</v>
      </c>
      <c r="O43" s="22" t="s">
        <v>389</v>
      </c>
      <c r="P43" s="22" t="s">
        <v>395</v>
      </c>
      <c r="Q43" s="22" t="s">
        <v>391</v>
      </c>
    </row>
    <row r="44" spans="2:17" x14ac:dyDescent="0.25">
      <c r="B44" s="20" t="s">
        <v>396</v>
      </c>
      <c r="C44" s="22" t="s">
        <v>397</v>
      </c>
      <c r="D44" s="22" t="s">
        <v>112</v>
      </c>
      <c r="E44" s="22" t="s">
        <v>323</v>
      </c>
      <c r="F44" s="23" t="s">
        <v>398</v>
      </c>
      <c r="G44" s="22" t="s">
        <v>399</v>
      </c>
      <c r="H44" s="23" t="s">
        <v>400</v>
      </c>
      <c r="I44" s="22" t="s">
        <v>28</v>
      </c>
      <c r="J44" s="22" t="s">
        <v>401</v>
      </c>
      <c r="K44" s="22" t="s">
        <v>29</v>
      </c>
      <c r="L44" s="22" t="s">
        <v>401</v>
      </c>
      <c r="M44" s="22" t="s">
        <v>28</v>
      </c>
      <c r="N44" s="22" t="s">
        <v>401</v>
      </c>
      <c r="O44" s="22" t="s">
        <v>398</v>
      </c>
      <c r="P44" s="22" t="s">
        <v>399</v>
      </c>
      <c r="Q44" s="22" t="s">
        <v>400</v>
      </c>
    </row>
    <row r="45" spans="2:17" x14ac:dyDescent="0.25">
      <c r="B45" s="20" t="s">
        <v>402</v>
      </c>
      <c r="C45" s="22" t="s">
        <v>403</v>
      </c>
      <c r="D45" s="22" t="s">
        <v>38</v>
      </c>
      <c r="E45" s="22" t="s">
        <v>323</v>
      </c>
      <c r="F45" s="23" t="s">
        <v>366</v>
      </c>
      <c r="G45" s="22" t="s">
        <v>367</v>
      </c>
      <c r="H45" s="23" t="s">
        <v>372</v>
      </c>
      <c r="I45" s="22" t="s">
        <v>373</v>
      </c>
      <c r="J45" s="22" t="s">
        <v>374</v>
      </c>
      <c r="K45" s="22" t="s">
        <v>29</v>
      </c>
      <c r="L45" s="22" t="s">
        <v>375</v>
      </c>
      <c r="M45" s="22" t="s">
        <v>269</v>
      </c>
      <c r="N45" s="22" t="s">
        <v>376</v>
      </c>
      <c r="O45" s="22" t="s">
        <v>341</v>
      </c>
      <c r="P45" s="22" t="s">
        <v>342</v>
      </c>
      <c r="Q45" s="22" t="s">
        <v>404</v>
      </c>
    </row>
    <row r="46" spans="2:17" x14ac:dyDescent="0.25">
      <c r="B46" s="20" t="s">
        <v>405</v>
      </c>
      <c r="C46" s="22" t="s">
        <v>406</v>
      </c>
      <c r="D46" s="22" t="s">
        <v>38</v>
      </c>
      <c r="E46" s="22" t="s">
        <v>323</v>
      </c>
      <c r="F46" s="23" t="s">
        <v>407</v>
      </c>
      <c r="G46" s="22" t="s">
        <v>408</v>
      </c>
      <c r="H46" s="23" t="s">
        <v>409</v>
      </c>
      <c r="I46" s="22" t="s">
        <v>45</v>
      </c>
      <c r="J46" s="22" t="s">
        <v>410</v>
      </c>
      <c r="K46" s="22" t="s">
        <v>25</v>
      </c>
      <c r="L46" s="22" t="s">
        <v>406</v>
      </c>
      <c r="M46" s="22" t="s">
        <v>45</v>
      </c>
      <c r="N46" s="22" t="s">
        <v>410</v>
      </c>
      <c r="O46" s="22" t="s">
        <v>407</v>
      </c>
      <c r="P46" s="22" t="s">
        <v>408</v>
      </c>
      <c r="Q46" s="22" t="s">
        <v>409</v>
      </c>
    </row>
    <row r="47" spans="2:17" x14ac:dyDescent="0.25">
      <c r="B47" s="20" t="s">
        <v>411</v>
      </c>
      <c r="C47" s="22" t="s">
        <v>412</v>
      </c>
      <c r="D47" s="22" t="s">
        <v>38</v>
      </c>
      <c r="E47" s="22" t="s">
        <v>323</v>
      </c>
      <c r="F47" s="23" t="s">
        <v>413</v>
      </c>
      <c r="G47" s="22" t="s">
        <v>414</v>
      </c>
      <c r="H47" s="23" t="s">
        <v>415</v>
      </c>
      <c r="I47" s="22" t="s">
        <v>28</v>
      </c>
      <c r="J47" s="22" t="s">
        <v>416</v>
      </c>
      <c r="K47" s="22" t="s">
        <v>29</v>
      </c>
      <c r="L47" s="22" t="s">
        <v>412</v>
      </c>
      <c r="M47" s="22" t="s">
        <v>65</v>
      </c>
      <c r="N47" s="22" t="s">
        <v>417</v>
      </c>
      <c r="O47" s="22" t="s">
        <v>413</v>
      </c>
      <c r="P47" s="22" t="s">
        <v>414</v>
      </c>
      <c r="Q47" s="22" t="s">
        <v>415</v>
      </c>
    </row>
    <row r="48" spans="2:17" x14ac:dyDescent="0.25">
      <c r="B48" s="20" t="s">
        <v>418</v>
      </c>
      <c r="C48" s="22" t="s">
        <v>419</v>
      </c>
      <c r="D48" s="22" t="s">
        <v>38</v>
      </c>
      <c r="E48" s="22" t="s">
        <v>323</v>
      </c>
      <c r="F48" s="23" t="s">
        <v>420</v>
      </c>
      <c r="G48" s="22" t="s">
        <v>421</v>
      </c>
      <c r="H48" s="23" t="s">
        <v>422</v>
      </c>
      <c r="I48" s="22" t="s">
        <v>423</v>
      </c>
      <c r="J48" s="22" t="s">
        <v>424</v>
      </c>
      <c r="K48" s="22" t="s">
        <v>29</v>
      </c>
      <c r="L48" s="22" t="s">
        <v>419</v>
      </c>
      <c r="M48" s="22" t="s">
        <v>65</v>
      </c>
      <c r="N48" s="22" t="s">
        <v>382</v>
      </c>
      <c r="O48" s="22" t="s">
        <v>420</v>
      </c>
      <c r="P48" s="22" t="s">
        <v>421</v>
      </c>
      <c r="Q48" s="22" t="s">
        <v>422</v>
      </c>
    </row>
    <row r="49" spans="2:17" x14ac:dyDescent="0.25">
      <c r="B49" s="20" t="s">
        <v>425</v>
      </c>
      <c r="C49" s="22" t="s">
        <v>426</v>
      </c>
      <c r="D49" s="22" t="s">
        <v>38</v>
      </c>
      <c r="E49" s="22" t="s">
        <v>323</v>
      </c>
      <c r="F49" s="23" t="s">
        <v>427</v>
      </c>
      <c r="G49" s="22" t="s">
        <v>428</v>
      </c>
      <c r="H49" s="23" t="s">
        <v>429</v>
      </c>
      <c r="I49" s="22" t="s">
        <v>430</v>
      </c>
      <c r="J49" s="22" t="s">
        <v>431</v>
      </c>
      <c r="K49" s="22" t="s">
        <v>29</v>
      </c>
      <c r="L49" s="22" t="s">
        <v>432</v>
      </c>
      <c r="M49" s="22" t="s">
        <v>65</v>
      </c>
      <c r="N49" s="22" t="s">
        <v>433</v>
      </c>
      <c r="O49" s="22" t="s">
        <v>434</v>
      </c>
      <c r="P49" s="22" t="s">
        <v>435</v>
      </c>
      <c r="Q49" s="22" t="s">
        <v>429</v>
      </c>
    </row>
    <row r="50" spans="2:17" x14ac:dyDescent="0.25">
      <c r="B50" s="20" t="s">
        <v>436</v>
      </c>
      <c r="C50" s="22" t="s">
        <v>437</v>
      </c>
      <c r="D50" s="22" t="s">
        <v>38</v>
      </c>
      <c r="E50" s="22" t="s">
        <v>323</v>
      </c>
      <c r="F50" s="23" t="s">
        <v>438</v>
      </c>
      <c r="G50" s="22" t="s">
        <v>439</v>
      </c>
      <c r="H50" s="23" t="s">
        <v>440</v>
      </c>
      <c r="I50" s="22" t="s">
        <v>304</v>
      </c>
      <c r="J50" s="22" t="s">
        <v>441</v>
      </c>
      <c r="K50" s="22" t="s">
        <v>29</v>
      </c>
      <c r="L50" s="22" t="s">
        <v>442</v>
      </c>
      <c r="M50" s="22" t="s">
        <v>304</v>
      </c>
      <c r="N50" s="22" t="s">
        <v>441</v>
      </c>
      <c r="O50" s="22" t="s">
        <v>370</v>
      </c>
      <c r="P50" s="22" t="s">
        <v>443</v>
      </c>
      <c r="Q50" s="22" t="s">
        <v>440</v>
      </c>
    </row>
    <row r="51" spans="2:17" x14ac:dyDescent="0.25">
      <c r="B51" s="20" t="s">
        <v>444</v>
      </c>
      <c r="C51" s="22" t="s">
        <v>445</v>
      </c>
      <c r="D51" s="22" t="s">
        <v>38</v>
      </c>
      <c r="E51" s="22" t="s">
        <v>323</v>
      </c>
      <c r="F51" s="23" t="s">
        <v>413</v>
      </c>
      <c r="G51" s="22" t="s">
        <v>446</v>
      </c>
      <c r="H51" s="23" t="s">
        <v>447</v>
      </c>
      <c r="I51" s="22" t="s">
        <v>45</v>
      </c>
      <c r="J51" s="22" t="s">
        <v>448</v>
      </c>
      <c r="K51" s="22" t="s">
        <v>29</v>
      </c>
      <c r="L51" s="22" t="s">
        <v>449</v>
      </c>
      <c r="M51" s="22" t="s">
        <v>45</v>
      </c>
      <c r="N51" s="22" t="s">
        <v>448</v>
      </c>
      <c r="O51" s="22" t="s">
        <v>413</v>
      </c>
      <c r="P51" s="22" t="s">
        <v>446</v>
      </c>
      <c r="Q51" s="22" t="s">
        <v>447</v>
      </c>
    </row>
    <row r="52" spans="2:17" x14ac:dyDescent="0.25">
      <c r="B52" s="20" t="s">
        <v>450</v>
      </c>
      <c r="C52" s="22" t="s">
        <v>451</v>
      </c>
      <c r="D52" s="22" t="s">
        <v>38</v>
      </c>
      <c r="E52" s="22" t="s">
        <v>323</v>
      </c>
      <c r="F52" s="23" t="s">
        <v>452</v>
      </c>
      <c r="G52" s="22" t="s">
        <v>453</v>
      </c>
      <c r="H52" s="23" t="s">
        <v>265</v>
      </c>
      <c r="I52" s="22" t="s">
        <v>454</v>
      </c>
      <c r="J52" s="22" t="s">
        <v>267</v>
      </c>
      <c r="K52" s="22" t="s">
        <v>29</v>
      </c>
      <c r="L52" s="22" t="s">
        <v>268</v>
      </c>
      <c r="M52" s="22" t="s">
        <v>269</v>
      </c>
      <c r="N52" s="22" t="s">
        <v>270</v>
      </c>
      <c r="O52" s="22" t="s">
        <v>271</v>
      </c>
      <c r="P52" s="22" t="s">
        <v>272</v>
      </c>
      <c r="Q52" s="22" t="s">
        <v>265</v>
      </c>
    </row>
    <row r="53" spans="2:17" x14ac:dyDescent="0.25">
      <c r="B53" s="20" t="s">
        <v>455</v>
      </c>
      <c r="C53" s="22" t="s">
        <v>456</v>
      </c>
      <c r="D53" s="22" t="s">
        <v>112</v>
      </c>
      <c r="E53" s="22" t="s">
        <v>323</v>
      </c>
      <c r="F53" s="23" t="s">
        <v>457</v>
      </c>
      <c r="G53" s="22" t="s">
        <v>458</v>
      </c>
      <c r="H53" s="23" t="s">
        <v>115</v>
      </c>
      <c r="I53" s="22" t="s">
        <v>28</v>
      </c>
      <c r="J53" s="22" t="s">
        <v>117</v>
      </c>
      <c r="K53" s="22" t="s">
        <v>25</v>
      </c>
      <c r="L53" s="22" t="s">
        <v>459</v>
      </c>
      <c r="M53" s="22" t="s">
        <v>28</v>
      </c>
      <c r="N53" s="22" t="s">
        <v>459</v>
      </c>
      <c r="O53" s="22" t="s">
        <v>120</v>
      </c>
      <c r="P53" s="22" t="s">
        <v>121</v>
      </c>
      <c r="Q53" s="22" t="s">
        <v>122</v>
      </c>
    </row>
    <row r="54" spans="2:17" x14ac:dyDescent="0.25">
      <c r="B54" s="20" t="s">
        <v>460</v>
      </c>
      <c r="C54" s="22" t="s">
        <v>461</v>
      </c>
      <c r="D54" s="22" t="s">
        <v>38</v>
      </c>
      <c r="E54" s="22" t="s">
        <v>462</v>
      </c>
      <c r="F54" s="23" t="s">
        <v>463</v>
      </c>
      <c r="G54" s="22" t="s">
        <v>464</v>
      </c>
      <c r="H54" s="23" t="s">
        <v>465</v>
      </c>
      <c r="I54" s="22" t="s">
        <v>466</v>
      </c>
      <c r="J54" s="22" t="s">
        <v>467</v>
      </c>
      <c r="K54" s="22" t="s">
        <v>29</v>
      </c>
      <c r="L54" s="22" t="s">
        <v>468</v>
      </c>
      <c r="M54" s="22" t="s">
        <v>269</v>
      </c>
      <c r="N54" s="22" t="s">
        <v>469</v>
      </c>
      <c r="O54" s="22" t="s">
        <v>470</v>
      </c>
      <c r="P54" s="22" t="s">
        <v>471</v>
      </c>
      <c r="Q54" s="22" t="s">
        <v>472</v>
      </c>
    </row>
    <row r="55" spans="2:17" x14ac:dyDescent="0.25">
      <c r="B55" s="20" t="s">
        <v>473</v>
      </c>
      <c r="C55" s="22" t="s">
        <v>474</v>
      </c>
      <c r="D55" s="22" t="s">
        <v>38</v>
      </c>
      <c r="E55" s="22" t="s">
        <v>462</v>
      </c>
      <c r="F55" s="23" t="s">
        <v>475</v>
      </c>
      <c r="G55" s="22" t="s">
        <v>476</v>
      </c>
      <c r="H55" s="23" t="s">
        <v>372</v>
      </c>
      <c r="I55" s="22" t="s">
        <v>373</v>
      </c>
      <c r="J55" s="22" t="s">
        <v>374</v>
      </c>
      <c r="K55" s="22" t="s">
        <v>29</v>
      </c>
      <c r="L55" s="22" t="s">
        <v>375</v>
      </c>
      <c r="M55" s="22" t="s">
        <v>269</v>
      </c>
      <c r="N55" s="22" t="s">
        <v>376</v>
      </c>
      <c r="O55" s="22" t="s">
        <v>341</v>
      </c>
      <c r="P55" s="22" t="s">
        <v>342</v>
      </c>
      <c r="Q55" s="22" t="s">
        <v>404</v>
      </c>
    </row>
    <row r="56" spans="2:17" x14ac:dyDescent="0.25">
      <c r="B56" s="20" t="s">
        <v>477</v>
      </c>
      <c r="C56" s="22" t="s">
        <v>478</v>
      </c>
      <c r="D56" s="22" t="s">
        <v>38</v>
      </c>
      <c r="E56" s="22" t="s">
        <v>462</v>
      </c>
      <c r="F56" s="23" t="s">
        <v>479</v>
      </c>
      <c r="G56" s="22" t="s">
        <v>480</v>
      </c>
      <c r="H56" s="23" t="s">
        <v>481</v>
      </c>
      <c r="I56" s="22" t="s">
        <v>482</v>
      </c>
      <c r="J56" s="22" t="s">
        <v>483</v>
      </c>
      <c r="K56" s="22" t="s">
        <v>25</v>
      </c>
      <c r="L56" s="22" t="s">
        <v>484</v>
      </c>
      <c r="M56" s="22" t="s">
        <v>485</v>
      </c>
      <c r="N56" s="22" t="s">
        <v>486</v>
      </c>
      <c r="O56" s="22" t="s">
        <v>479</v>
      </c>
      <c r="P56" s="22" t="s">
        <v>487</v>
      </c>
      <c r="Q56" s="22" t="s">
        <v>481</v>
      </c>
    </row>
    <row r="57" spans="2:17" x14ac:dyDescent="0.25">
      <c r="B57" s="20" t="s">
        <v>488</v>
      </c>
      <c r="C57" s="22" t="s">
        <v>489</v>
      </c>
      <c r="D57" s="22" t="s">
        <v>38</v>
      </c>
      <c r="E57" s="22" t="s">
        <v>462</v>
      </c>
      <c r="F57" s="23" t="s">
        <v>490</v>
      </c>
      <c r="G57" s="22" t="s">
        <v>491</v>
      </c>
      <c r="H57" s="23" t="s">
        <v>492</v>
      </c>
      <c r="I57" s="22" t="s">
        <v>493</v>
      </c>
      <c r="J57" s="22" t="s">
        <v>494</v>
      </c>
      <c r="K57" s="22" t="s">
        <v>29</v>
      </c>
      <c r="L57" s="22" t="s">
        <v>495</v>
      </c>
      <c r="M57" s="22" t="s">
        <v>45</v>
      </c>
      <c r="N57" s="22" t="s">
        <v>496</v>
      </c>
      <c r="O57" s="22" t="s">
        <v>497</v>
      </c>
      <c r="P57" s="22" t="s">
        <v>498</v>
      </c>
      <c r="Q57" s="22" t="s">
        <v>499</v>
      </c>
    </row>
    <row r="58" spans="2:17" x14ac:dyDescent="0.25">
      <c r="B58" s="20" t="s">
        <v>500</v>
      </c>
      <c r="C58" s="22" t="s">
        <v>501</v>
      </c>
      <c r="D58" s="22" t="s">
        <v>38</v>
      </c>
      <c r="E58" s="22" t="s">
        <v>462</v>
      </c>
      <c r="F58" s="23" t="s">
        <v>502</v>
      </c>
      <c r="G58" s="22" t="s">
        <v>503</v>
      </c>
      <c r="H58" s="23" t="s">
        <v>504</v>
      </c>
      <c r="I58" s="22" t="s">
        <v>505</v>
      </c>
      <c r="J58" s="22" t="s">
        <v>506</v>
      </c>
      <c r="K58" s="22" t="s">
        <v>29</v>
      </c>
      <c r="L58" s="22" t="s">
        <v>507</v>
      </c>
      <c r="M58" s="22" t="s">
        <v>485</v>
      </c>
      <c r="N58" s="22" t="s">
        <v>508</v>
      </c>
      <c r="O58" s="22" t="s">
        <v>502</v>
      </c>
      <c r="P58" s="22" t="s">
        <v>509</v>
      </c>
      <c r="Q58" s="22" t="s">
        <v>510</v>
      </c>
    </row>
    <row r="59" spans="2:17" x14ac:dyDescent="0.25">
      <c r="B59" s="20" t="s">
        <v>511</v>
      </c>
      <c r="C59" s="22" t="s">
        <v>512</v>
      </c>
      <c r="D59" s="22" t="s">
        <v>38</v>
      </c>
      <c r="E59" s="22" t="s">
        <v>462</v>
      </c>
      <c r="F59" s="23" t="s">
        <v>271</v>
      </c>
      <c r="G59" s="22" t="s">
        <v>513</v>
      </c>
      <c r="H59" s="23" t="s">
        <v>265</v>
      </c>
      <c r="I59" s="22" t="s">
        <v>514</v>
      </c>
      <c r="J59" s="22" t="s">
        <v>267</v>
      </c>
      <c r="K59" s="22" t="s">
        <v>29</v>
      </c>
      <c r="L59" s="22" t="s">
        <v>268</v>
      </c>
      <c r="M59" s="22" t="s">
        <v>269</v>
      </c>
      <c r="N59" s="22" t="s">
        <v>270</v>
      </c>
      <c r="O59" s="22" t="s">
        <v>271</v>
      </c>
      <c r="P59" s="22" t="s">
        <v>272</v>
      </c>
      <c r="Q59" s="22" t="s">
        <v>265</v>
      </c>
    </row>
    <row r="60" spans="2:17" x14ac:dyDescent="0.25">
      <c r="B60" s="20" t="s">
        <v>515</v>
      </c>
      <c r="C60" s="22" t="s">
        <v>516</v>
      </c>
      <c r="D60" s="22" t="s">
        <v>38</v>
      </c>
      <c r="E60" s="22" t="s">
        <v>462</v>
      </c>
      <c r="F60" s="23" t="s">
        <v>517</v>
      </c>
      <c r="G60" s="22" t="s">
        <v>518</v>
      </c>
      <c r="H60" s="23" t="s">
        <v>519</v>
      </c>
      <c r="I60" s="22" t="s">
        <v>28</v>
      </c>
      <c r="J60" s="22" t="s">
        <v>520</v>
      </c>
      <c r="K60" s="22" t="s">
        <v>25</v>
      </c>
      <c r="L60" s="22" t="s">
        <v>521</v>
      </c>
      <c r="M60" s="22" t="s">
        <v>522</v>
      </c>
      <c r="N60" s="22" t="s">
        <v>523</v>
      </c>
      <c r="O60" s="22" t="s">
        <v>517</v>
      </c>
      <c r="P60" s="22" t="s">
        <v>518</v>
      </c>
      <c r="Q60" s="22" t="s">
        <v>519</v>
      </c>
    </row>
    <row r="61" spans="2:17" x14ac:dyDescent="0.25">
      <c r="B61" s="20" t="s">
        <v>524</v>
      </c>
      <c r="C61" s="22" t="s">
        <v>525</v>
      </c>
      <c r="D61" s="22" t="s">
        <v>38</v>
      </c>
      <c r="E61" s="22" t="s">
        <v>462</v>
      </c>
      <c r="F61" s="23" t="s">
        <v>526</v>
      </c>
      <c r="G61" s="22" t="s">
        <v>527</v>
      </c>
      <c r="H61" s="23" t="s">
        <v>528</v>
      </c>
      <c r="I61" s="22" t="s">
        <v>45</v>
      </c>
      <c r="J61" s="22" t="s">
        <v>529</v>
      </c>
      <c r="K61" s="22" t="s">
        <v>25</v>
      </c>
      <c r="L61" s="22" t="s">
        <v>525</v>
      </c>
      <c r="M61" s="22" t="s">
        <v>45</v>
      </c>
      <c r="N61" s="22" t="s">
        <v>529</v>
      </c>
      <c r="O61" s="22" t="s">
        <v>526</v>
      </c>
      <c r="P61" s="22" t="s">
        <v>527</v>
      </c>
      <c r="Q61" s="22" t="s">
        <v>528</v>
      </c>
    </row>
    <row r="62" spans="2:17" x14ac:dyDescent="0.25">
      <c r="B62" s="20" t="s">
        <v>530</v>
      </c>
      <c r="C62" s="22" t="s">
        <v>531</v>
      </c>
      <c r="D62" s="22" t="s">
        <v>38</v>
      </c>
      <c r="E62" s="22" t="s">
        <v>462</v>
      </c>
      <c r="F62" s="23" t="s">
        <v>532</v>
      </c>
      <c r="G62" s="22" t="s">
        <v>533</v>
      </c>
      <c r="H62" s="23" t="s">
        <v>534</v>
      </c>
      <c r="I62" s="22" t="s">
        <v>28</v>
      </c>
      <c r="J62" s="22" t="s">
        <v>535</v>
      </c>
      <c r="K62" s="22" t="s">
        <v>29</v>
      </c>
      <c r="L62" s="22" t="s">
        <v>531</v>
      </c>
      <c r="M62" s="22" t="s">
        <v>28</v>
      </c>
      <c r="N62" s="22" t="s">
        <v>535</v>
      </c>
      <c r="O62" s="22" t="s">
        <v>532</v>
      </c>
      <c r="P62" s="22" t="s">
        <v>536</v>
      </c>
      <c r="Q62" s="22" t="s">
        <v>534</v>
      </c>
    </row>
    <row r="63" spans="2:17" x14ac:dyDescent="0.25">
      <c r="B63" s="20" t="s">
        <v>537</v>
      </c>
      <c r="C63" s="22" t="s">
        <v>538</v>
      </c>
      <c r="D63" s="22" t="s">
        <v>38</v>
      </c>
      <c r="E63" s="22" t="s">
        <v>462</v>
      </c>
      <c r="F63" s="23" t="s">
        <v>539</v>
      </c>
      <c r="G63" s="22" t="s">
        <v>540</v>
      </c>
      <c r="H63" s="23" t="s">
        <v>541</v>
      </c>
      <c r="I63" s="22" t="s">
        <v>45</v>
      </c>
      <c r="J63" s="22" t="s">
        <v>542</v>
      </c>
      <c r="K63" s="22" t="s">
        <v>29</v>
      </c>
      <c r="L63" s="22" t="s">
        <v>538</v>
      </c>
      <c r="M63" s="22" t="s">
        <v>45</v>
      </c>
      <c r="N63" s="22" t="s">
        <v>542</v>
      </c>
      <c r="O63" s="22" t="s">
        <v>539</v>
      </c>
      <c r="P63" s="22" t="s">
        <v>540</v>
      </c>
      <c r="Q63" s="22" t="s">
        <v>541</v>
      </c>
    </row>
    <row r="64" spans="2:17" x14ac:dyDescent="0.25">
      <c r="B64" s="20" t="s">
        <v>543</v>
      </c>
      <c r="C64" s="22" t="s">
        <v>544</v>
      </c>
      <c r="D64" s="22" t="s">
        <v>38</v>
      </c>
      <c r="E64" s="22" t="s">
        <v>462</v>
      </c>
      <c r="F64" s="23" t="s">
        <v>545</v>
      </c>
      <c r="G64" s="22" t="s">
        <v>546</v>
      </c>
      <c r="H64" s="23" t="s">
        <v>547</v>
      </c>
      <c r="I64" s="22" t="s">
        <v>28</v>
      </c>
      <c r="J64" s="22" t="s">
        <v>548</v>
      </c>
      <c r="K64" s="22" t="s">
        <v>29</v>
      </c>
      <c r="L64" s="22" t="s">
        <v>549</v>
      </c>
      <c r="M64" s="22" t="s">
        <v>45</v>
      </c>
      <c r="N64" s="22" t="s">
        <v>548</v>
      </c>
      <c r="O64" s="22" t="s">
        <v>550</v>
      </c>
      <c r="P64" s="22" t="s">
        <v>551</v>
      </c>
      <c r="Q64" s="22" t="s">
        <v>552</v>
      </c>
    </row>
    <row r="65" spans="2:17" x14ac:dyDescent="0.25">
      <c r="B65" s="20" t="s">
        <v>553</v>
      </c>
      <c r="C65" s="22" t="s">
        <v>554</v>
      </c>
      <c r="D65" s="22" t="s">
        <v>38</v>
      </c>
      <c r="E65" s="22" t="s">
        <v>462</v>
      </c>
      <c r="F65" s="23" t="s">
        <v>463</v>
      </c>
      <c r="G65" s="22" t="s">
        <v>555</v>
      </c>
      <c r="H65" s="23" t="s">
        <v>265</v>
      </c>
      <c r="I65" s="22" t="s">
        <v>556</v>
      </c>
      <c r="J65" s="22" t="s">
        <v>267</v>
      </c>
      <c r="K65" s="22" t="s">
        <v>25</v>
      </c>
      <c r="L65" s="22" t="s">
        <v>268</v>
      </c>
      <c r="M65" s="22" t="s">
        <v>269</v>
      </c>
      <c r="N65" s="22" t="s">
        <v>270</v>
      </c>
      <c r="O65" s="22" t="s">
        <v>271</v>
      </c>
      <c r="P65" s="22" t="s">
        <v>272</v>
      </c>
      <c r="Q65" s="22" t="s">
        <v>265</v>
      </c>
    </row>
    <row r="66" spans="2:17" x14ac:dyDescent="0.25">
      <c r="B66" s="20" t="s">
        <v>557</v>
      </c>
      <c r="C66" s="22" t="s">
        <v>558</v>
      </c>
      <c r="D66" s="22" t="s">
        <v>38</v>
      </c>
      <c r="E66" s="22" t="s">
        <v>462</v>
      </c>
      <c r="F66" s="23" t="s">
        <v>559</v>
      </c>
      <c r="G66" s="22" t="s">
        <v>560</v>
      </c>
      <c r="H66" s="23" t="s">
        <v>561</v>
      </c>
      <c r="I66" s="22" t="s">
        <v>562</v>
      </c>
      <c r="J66" s="22" t="s">
        <v>563</v>
      </c>
      <c r="K66" s="22" t="s">
        <v>29</v>
      </c>
      <c r="L66" s="22" t="s">
        <v>564</v>
      </c>
      <c r="M66" s="22" t="s">
        <v>45</v>
      </c>
      <c r="N66" s="22" t="s">
        <v>548</v>
      </c>
      <c r="O66" s="22" t="s">
        <v>550</v>
      </c>
      <c r="P66" s="22" t="s">
        <v>551</v>
      </c>
      <c r="Q66" s="22" t="s">
        <v>28</v>
      </c>
    </row>
    <row r="67" spans="2:17" x14ac:dyDescent="0.25">
      <c r="B67" s="20" t="s">
        <v>565</v>
      </c>
      <c r="C67" s="22" t="s">
        <v>566</v>
      </c>
      <c r="D67" s="22" t="s">
        <v>20</v>
      </c>
      <c r="E67" s="22" t="s">
        <v>567</v>
      </c>
      <c r="F67" s="23" t="s">
        <v>568</v>
      </c>
      <c r="G67" s="22" t="s">
        <v>569</v>
      </c>
      <c r="H67" s="23" t="s">
        <v>570</v>
      </c>
      <c r="I67" s="22" t="s">
        <v>571</v>
      </c>
      <c r="J67" s="22" t="s">
        <v>572</v>
      </c>
      <c r="K67" s="22" t="s">
        <v>29</v>
      </c>
      <c r="L67" s="22" t="s">
        <v>573</v>
      </c>
      <c r="M67" s="22" t="s">
        <v>574</v>
      </c>
      <c r="N67" s="22" t="s">
        <v>575</v>
      </c>
      <c r="O67" s="22" t="s">
        <v>568</v>
      </c>
      <c r="P67" s="22" t="s">
        <v>576</v>
      </c>
      <c r="Q67" s="22" t="s">
        <v>570</v>
      </c>
    </row>
    <row r="68" spans="2:17" x14ac:dyDescent="0.25">
      <c r="B68" s="20" t="s">
        <v>577</v>
      </c>
      <c r="C68" s="22" t="s">
        <v>578</v>
      </c>
      <c r="D68" s="22" t="s">
        <v>38</v>
      </c>
      <c r="E68" s="22" t="s">
        <v>567</v>
      </c>
      <c r="F68" s="23" t="s">
        <v>579</v>
      </c>
      <c r="G68" s="22" t="s">
        <v>580</v>
      </c>
      <c r="H68" s="23" t="s">
        <v>581</v>
      </c>
      <c r="I68" s="22" t="s">
        <v>582</v>
      </c>
      <c r="J68" s="22" t="s">
        <v>583</v>
      </c>
      <c r="K68" s="22" t="s">
        <v>25</v>
      </c>
      <c r="L68" s="22" t="s">
        <v>578</v>
      </c>
      <c r="M68" s="22" t="s">
        <v>269</v>
      </c>
      <c r="N68" s="22" t="s">
        <v>584</v>
      </c>
      <c r="O68" s="22" t="s">
        <v>579</v>
      </c>
      <c r="P68" s="22" t="s">
        <v>580</v>
      </c>
      <c r="Q68" s="22" t="s">
        <v>585</v>
      </c>
    </row>
    <row r="69" spans="2:17" x14ac:dyDescent="0.25">
      <c r="B69" s="20" t="s">
        <v>586</v>
      </c>
      <c r="C69" s="22" t="s">
        <v>587</v>
      </c>
      <c r="D69" s="22" t="s">
        <v>38</v>
      </c>
      <c r="E69" s="22" t="s">
        <v>567</v>
      </c>
      <c r="F69" s="23" t="s">
        <v>588</v>
      </c>
      <c r="G69" s="22" t="s">
        <v>589</v>
      </c>
      <c r="H69" s="23" t="s">
        <v>372</v>
      </c>
      <c r="I69" s="22" t="s">
        <v>373</v>
      </c>
      <c r="J69" s="22" t="s">
        <v>374</v>
      </c>
      <c r="K69" s="22" t="s">
        <v>25</v>
      </c>
      <c r="L69" s="22" t="s">
        <v>375</v>
      </c>
      <c r="M69" s="22" t="s">
        <v>269</v>
      </c>
      <c r="N69" s="22" t="s">
        <v>376</v>
      </c>
      <c r="O69" s="22" t="s">
        <v>341</v>
      </c>
      <c r="P69" s="22" t="s">
        <v>342</v>
      </c>
      <c r="Q69" s="22" t="s">
        <v>404</v>
      </c>
    </row>
    <row r="70" spans="2:17" x14ac:dyDescent="0.25">
      <c r="B70" s="20" t="s">
        <v>590</v>
      </c>
      <c r="C70" s="22" t="s">
        <v>591</v>
      </c>
      <c r="D70" s="22" t="s">
        <v>38</v>
      </c>
      <c r="E70" s="22" t="s">
        <v>567</v>
      </c>
      <c r="F70" s="23" t="s">
        <v>592</v>
      </c>
      <c r="G70" s="22" t="s">
        <v>593</v>
      </c>
      <c r="H70" s="23" t="s">
        <v>594</v>
      </c>
      <c r="I70" s="22" t="s">
        <v>595</v>
      </c>
      <c r="J70" s="22" t="s">
        <v>596</v>
      </c>
      <c r="K70" s="22" t="s">
        <v>25</v>
      </c>
      <c r="L70" s="22" t="s">
        <v>591</v>
      </c>
      <c r="M70" s="22" t="s">
        <v>45</v>
      </c>
      <c r="N70" s="22" t="s">
        <v>597</v>
      </c>
      <c r="O70" s="22" t="s">
        <v>592</v>
      </c>
      <c r="P70" s="22" t="s">
        <v>593</v>
      </c>
      <c r="Q70" s="22" t="s">
        <v>594</v>
      </c>
    </row>
    <row r="71" spans="2:17" x14ac:dyDescent="0.25">
      <c r="B71" s="20" t="s">
        <v>598</v>
      </c>
      <c r="C71" s="22" t="s">
        <v>599</v>
      </c>
      <c r="D71" s="22" t="s">
        <v>38</v>
      </c>
      <c r="E71" s="22" t="s">
        <v>567</v>
      </c>
      <c r="F71" s="23" t="s">
        <v>600</v>
      </c>
      <c r="G71" s="22" t="s">
        <v>601</v>
      </c>
      <c r="H71" s="23" t="s">
        <v>602</v>
      </c>
      <c r="I71" s="22" t="s">
        <v>603</v>
      </c>
      <c r="J71" s="22" t="s">
        <v>604</v>
      </c>
      <c r="K71" s="22" t="s">
        <v>29</v>
      </c>
      <c r="L71" s="22" t="s">
        <v>599</v>
      </c>
      <c r="M71" s="22" t="s">
        <v>65</v>
      </c>
      <c r="N71" s="22" t="s">
        <v>605</v>
      </c>
      <c r="O71" s="22" t="s">
        <v>600</v>
      </c>
      <c r="P71" s="22" t="s">
        <v>601</v>
      </c>
      <c r="Q71" s="22" t="s">
        <v>602</v>
      </c>
    </row>
    <row r="72" spans="2:17" x14ac:dyDescent="0.25">
      <c r="B72" s="20" t="s">
        <v>606</v>
      </c>
      <c r="C72" s="22" t="s">
        <v>607</v>
      </c>
      <c r="D72" s="22" t="s">
        <v>38</v>
      </c>
      <c r="E72" s="22" t="s">
        <v>567</v>
      </c>
      <c r="F72" s="23" t="s">
        <v>608</v>
      </c>
      <c r="G72" s="22" t="s">
        <v>609</v>
      </c>
      <c r="H72" s="23" t="s">
        <v>610</v>
      </c>
      <c r="I72" s="22" t="s">
        <v>611</v>
      </c>
      <c r="J72" s="22" t="s">
        <v>612</v>
      </c>
      <c r="K72" s="22" t="s">
        <v>25</v>
      </c>
      <c r="L72" s="22" t="s">
        <v>607</v>
      </c>
      <c r="M72" s="22" t="s">
        <v>150</v>
      </c>
      <c r="N72" s="22" t="s">
        <v>613</v>
      </c>
      <c r="O72" s="22" t="s">
        <v>608</v>
      </c>
      <c r="P72" s="22" t="s">
        <v>609</v>
      </c>
      <c r="Q72" s="22" t="s">
        <v>610</v>
      </c>
    </row>
    <row r="73" spans="2:17" x14ac:dyDescent="0.25">
      <c r="B73" s="20" t="s">
        <v>614</v>
      </c>
      <c r="C73" s="22" t="s">
        <v>615</v>
      </c>
      <c r="D73" s="22" t="s">
        <v>38</v>
      </c>
      <c r="E73" s="22" t="s">
        <v>567</v>
      </c>
      <c r="F73" s="23" t="s">
        <v>616</v>
      </c>
      <c r="G73" s="22" t="s">
        <v>617</v>
      </c>
      <c r="H73" s="23" t="s">
        <v>618</v>
      </c>
      <c r="I73" s="22" t="s">
        <v>278</v>
      </c>
      <c r="J73" s="22" t="s">
        <v>619</v>
      </c>
      <c r="K73" s="22" t="s">
        <v>29</v>
      </c>
      <c r="L73" s="22" t="s">
        <v>615</v>
      </c>
      <c r="M73" s="22" t="s">
        <v>45</v>
      </c>
      <c r="N73" s="22" t="s">
        <v>620</v>
      </c>
      <c r="O73" s="22" t="s">
        <v>616</v>
      </c>
      <c r="P73" s="22" t="s">
        <v>617</v>
      </c>
      <c r="Q73" s="22" t="s">
        <v>618</v>
      </c>
    </row>
    <row r="74" spans="2:17" x14ac:dyDescent="0.25">
      <c r="B74" s="20" t="s">
        <v>621</v>
      </c>
      <c r="C74" s="22" t="s">
        <v>622</v>
      </c>
      <c r="D74" s="22" t="s">
        <v>38</v>
      </c>
      <c r="E74" s="22" t="s">
        <v>567</v>
      </c>
      <c r="F74" s="23" t="s">
        <v>592</v>
      </c>
      <c r="G74" s="22" t="s">
        <v>623</v>
      </c>
      <c r="H74" s="23" t="s">
        <v>624</v>
      </c>
      <c r="I74" s="22" t="s">
        <v>28</v>
      </c>
      <c r="J74" s="22" t="s">
        <v>625</v>
      </c>
      <c r="K74" s="22" t="s">
        <v>25</v>
      </c>
      <c r="L74" s="22" t="s">
        <v>622</v>
      </c>
      <c r="M74" s="22" t="s">
        <v>45</v>
      </c>
      <c r="N74" s="22" t="s">
        <v>625</v>
      </c>
      <c r="O74" s="22" t="s">
        <v>592</v>
      </c>
      <c r="P74" s="22" t="s">
        <v>623</v>
      </c>
      <c r="Q74" s="22" t="s">
        <v>624</v>
      </c>
    </row>
    <row r="75" spans="2:17" x14ac:dyDescent="0.25">
      <c r="B75" s="20" t="s">
        <v>626</v>
      </c>
      <c r="C75" s="22" t="s">
        <v>627</v>
      </c>
      <c r="D75" s="22" t="s">
        <v>38</v>
      </c>
      <c r="E75" s="22" t="s">
        <v>567</v>
      </c>
      <c r="F75" s="23" t="s">
        <v>568</v>
      </c>
      <c r="G75" s="22" t="s">
        <v>628</v>
      </c>
      <c r="H75" s="23" t="s">
        <v>265</v>
      </c>
      <c r="I75" s="22" t="s">
        <v>514</v>
      </c>
      <c r="J75" s="22" t="s">
        <v>267</v>
      </c>
      <c r="K75" s="22" t="s">
        <v>29</v>
      </c>
      <c r="L75" s="22" t="s">
        <v>268</v>
      </c>
      <c r="M75" s="22" t="s">
        <v>269</v>
      </c>
      <c r="N75" s="22" t="s">
        <v>270</v>
      </c>
      <c r="O75" s="22" t="s">
        <v>629</v>
      </c>
      <c r="P75" s="22" t="s">
        <v>630</v>
      </c>
      <c r="Q75" s="22" t="s">
        <v>265</v>
      </c>
    </row>
    <row r="76" spans="2:17" x14ac:dyDescent="0.25">
      <c r="B76" s="20" t="s">
        <v>631</v>
      </c>
      <c r="C76" s="22" t="s">
        <v>632</v>
      </c>
      <c r="D76" s="22" t="s">
        <v>38</v>
      </c>
      <c r="E76" s="22" t="s">
        <v>567</v>
      </c>
      <c r="F76" s="23" t="s">
        <v>633</v>
      </c>
      <c r="G76" s="22" t="s">
        <v>634</v>
      </c>
      <c r="H76" s="23" t="s">
        <v>635</v>
      </c>
      <c r="I76" s="22" t="s">
        <v>636</v>
      </c>
      <c r="J76" s="22" t="s">
        <v>637</v>
      </c>
      <c r="K76" s="22" t="s">
        <v>29</v>
      </c>
      <c r="L76" s="22" t="s">
        <v>432</v>
      </c>
      <c r="M76" s="22" t="s">
        <v>638</v>
      </c>
      <c r="N76" s="22" t="s">
        <v>433</v>
      </c>
      <c r="O76" s="22" t="s">
        <v>434</v>
      </c>
      <c r="P76" s="22" t="s">
        <v>435</v>
      </c>
      <c r="Q76" s="22" t="s">
        <v>639</v>
      </c>
    </row>
    <row r="77" spans="2:17" x14ac:dyDescent="0.25">
      <c r="B77" s="20" t="s">
        <v>640</v>
      </c>
      <c r="C77" s="22" t="s">
        <v>641</v>
      </c>
      <c r="D77" s="22" t="s">
        <v>38</v>
      </c>
      <c r="E77" s="22" t="s">
        <v>642</v>
      </c>
      <c r="F77" s="23" t="s">
        <v>643</v>
      </c>
      <c r="G77" s="22" t="s">
        <v>644</v>
      </c>
      <c r="H77" s="23" t="s">
        <v>645</v>
      </c>
      <c r="I77" s="22" t="s">
        <v>646</v>
      </c>
      <c r="J77" s="22" t="s">
        <v>467</v>
      </c>
      <c r="K77" s="22" t="s">
        <v>29</v>
      </c>
      <c r="L77" s="22" t="s">
        <v>468</v>
      </c>
      <c r="M77" s="22" t="s">
        <v>269</v>
      </c>
      <c r="N77" s="22" t="s">
        <v>469</v>
      </c>
      <c r="O77" s="22" t="s">
        <v>647</v>
      </c>
      <c r="P77" s="22" t="s">
        <v>648</v>
      </c>
      <c r="Q77" s="22" t="s">
        <v>472</v>
      </c>
    </row>
    <row r="78" spans="2:17" x14ac:dyDescent="0.25">
      <c r="B78" s="20" t="s">
        <v>649</v>
      </c>
      <c r="C78" s="22" t="s">
        <v>650</v>
      </c>
      <c r="D78" s="22" t="s">
        <v>20</v>
      </c>
      <c r="E78" s="22" t="s">
        <v>642</v>
      </c>
      <c r="F78" s="23" t="s">
        <v>651</v>
      </c>
      <c r="G78" s="22" t="s">
        <v>652</v>
      </c>
      <c r="H78" s="23" t="s">
        <v>653</v>
      </c>
      <c r="I78" s="22" t="s">
        <v>654</v>
      </c>
      <c r="J78" s="22" t="s">
        <v>655</v>
      </c>
      <c r="K78" s="22" t="s">
        <v>29</v>
      </c>
      <c r="L78" s="22" t="s">
        <v>656</v>
      </c>
      <c r="M78" s="22" t="s">
        <v>657</v>
      </c>
      <c r="N78" s="22" t="s">
        <v>658</v>
      </c>
      <c r="O78" s="22" t="s">
        <v>659</v>
      </c>
      <c r="P78" s="22" t="s">
        <v>652</v>
      </c>
      <c r="Q78" s="22" t="s">
        <v>653</v>
      </c>
    </row>
    <row r="79" spans="2:17" x14ac:dyDescent="0.25">
      <c r="B79" s="20" t="s">
        <v>660</v>
      </c>
      <c r="C79" s="22" t="s">
        <v>661</v>
      </c>
      <c r="D79" s="22" t="s">
        <v>38</v>
      </c>
      <c r="E79" s="22" t="s">
        <v>642</v>
      </c>
      <c r="F79" s="23" t="s">
        <v>662</v>
      </c>
      <c r="G79" s="22" t="s">
        <v>663</v>
      </c>
      <c r="H79" s="23" t="s">
        <v>664</v>
      </c>
      <c r="I79" s="22" t="s">
        <v>665</v>
      </c>
      <c r="J79" s="22" t="s">
        <v>666</v>
      </c>
      <c r="K79" s="22" t="s">
        <v>29</v>
      </c>
      <c r="L79" s="22" t="s">
        <v>661</v>
      </c>
      <c r="M79" s="22" t="s">
        <v>269</v>
      </c>
      <c r="N79" s="22" t="s">
        <v>667</v>
      </c>
      <c r="O79" s="22" t="s">
        <v>662</v>
      </c>
      <c r="P79" s="22" t="s">
        <v>663</v>
      </c>
      <c r="Q79" s="22" t="s">
        <v>668</v>
      </c>
    </row>
    <row r="80" spans="2:17" x14ac:dyDescent="0.25">
      <c r="B80" s="20" t="s">
        <v>669</v>
      </c>
      <c r="C80" s="22" t="s">
        <v>670</v>
      </c>
      <c r="D80" s="22" t="s">
        <v>20</v>
      </c>
      <c r="E80" s="22" t="s">
        <v>642</v>
      </c>
      <c r="F80" s="23" t="s">
        <v>651</v>
      </c>
      <c r="G80" s="22" t="s">
        <v>671</v>
      </c>
      <c r="H80" s="23" t="s">
        <v>653</v>
      </c>
      <c r="I80" s="22" t="s">
        <v>654</v>
      </c>
      <c r="J80" s="22" t="s">
        <v>672</v>
      </c>
      <c r="K80" s="22" t="s">
        <v>25</v>
      </c>
      <c r="L80" s="22" t="s">
        <v>650</v>
      </c>
      <c r="M80" s="22" t="s">
        <v>221</v>
      </c>
      <c r="N80" s="22" t="s">
        <v>658</v>
      </c>
      <c r="O80" s="22" t="s">
        <v>659</v>
      </c>
      <c r="P80" s="22" t="s">
        <v>652</v>
      </c>
      <c r="Q80" s="22" t="s">
        <v>653</v>
      </c>
    </row>
    <row r="81" spans="2:17" x14ac:dyDescent="0.25">
      <c r="B81" s="20" t="s">
        <v>673</v>
      </c>
      <c r="C81" s="22" t="s">
        <v>674</v>
      </c>
      <c r="D81" s="22" t="s">
        <v>38</v>
      </c>
      <c r="E81" s="22" t="s">
        <v>642</v>
      </c>
      <c r="F81" s="23" t="s">
        <v>675</v>
      </c>
      <c r="G81" s="22" t="s">
        <v>676</v>
      </c>
      <c r="H81" s="23" t="s">
        <v>677</v>
      </c>
      <c r="I81" s="22" t="s">
        <v>269</v>
      </c>
      <c r="J81" s="22" t="s">
        <v>678</v>
      </c>
      <c r="K81" s="22" t="s">
        <v>25</v>
      </c>
      <c r="L81" s="22" t="s">
        <v>674</v>
      </c>
      <c r="M81" s="22" t="s">
        <v>45</v>
      </c>
      <c r="N81" s="22" t="s">
        <v>678</v>
      </c>
      <c r="O81" s="22" t="s">
        <v>643</v>
      </c>
      <c r="P81" s="22" t="s">
        <v>679</v>
      </c>
      <c r="Q81" s="22" t="s">
        <v>677</v>
      </c>
    </row>
    <row r="82" spans="2:17" x14ac:dyDescent="0.25">
      <c r="B82" s="20" t="s">
        <v>680</v>
      </c>
      <c r="C82" s="22" t="s">
        <v>681</v>
      </c>
      <c r="D82" s="22" t="s">
        <v>322</v>
      </c>
      <c r="E82" s="22" t="s">
        <v>642</v>
      </c>
      <c r="F82" s="23" t="s">
        <v>682</v>
      </c>
      <c r="G82" s="22" t="s">
        <v>683</v>
      </c>
      <c r="H82" s="23" t="s">
        <v>684</v>
      </c>
      <c r="I82" s="22" t="s">
        <v>685</v>
      </c>
      <c r="J82" s="22" t="s">
        <v>686</v>
      </c>
      <c r="K82" s="22" t="s">
        <v>29</v>
      </c>
      <c r="L82" s="22" t="s">
        <v>681</v>
      </c>
      <c r="M82" s="22" t="s">
        <v>329</v>
      </c>
      <c r="N82" s="22" t="s">
        <v>687</v>
      </c>
      <c r="O82" s="22" t="s">
        <v>682</v>
      </c>
      <c r="P82" s="22" t="s">
        <v>688</v>
      </c>
      <c r="Q82" s="22" t="s">
        <v>684</v>
      </c>
    </row>
    <row r="83" spans="2:17" x14ac:dyDescent="0.25">
      <c r="B83" s="20" t="s">
        <v>689</v>
      </c>
      <c r="C83" s="22" t="s">
        <v>690</v>
      </c>
      <c r="D83" s="22" t="s">
        <v>38</v>
      </c>
      <c r="E83" s="22" t="s">
        <v>691</v>
      </c>
      <c r="F83" s="23" t="s">
        <v>692</v>
      </c>
      <c r="G83" s="22" t="s">
        <v>693</v>
      </c>
      <c r="H83" s="23" t="s">
        <v>694</v>
      </c>
      <c r="I83" s="22" t="s">
        <v>45</v>
      </c>
      <c r="J83" s="22" t="s">
        <v>695</v>
      </c>
      <c r="K83" s="22" t="s">
        <v>25</v>
      </c>
      <c r="L83" s="22" t="s">
        <v>690</v>
      </c>
      <c r="M83" s="22" t="s">
        <v>45</v>
      </c>
      <c r="N83" s="22" t="s">
        <v>695</v>
      </c>
      <c r="O83" s="22" t="s">
        <v>692</v>
      </c>
      <c r="P83" s="22" t="s">
        <v>693</v>
      </c>
      <c r="Q83" s="22" t="s">
        <v>694</v>
      </c>
    </row>
    <row r="84" spans="2:17" x14ac:dyDescent="0.25">
      <c r="B84" s="20" t="s">
        <v>696</v>
      </c>
      <c r="C84" s="22" t="s">
        <v>697</v>
      </c>
      <c r="D84" s="22" t="s">
        <v>38</v>
      </c>
      <c r="E84" s="22" t="s">
        <v>691</v>
      </c>
      <c r="F84" s="23" t="s">
        <v>698</v>
      </c>
      <c r="G84" s="22" t="s">
        <v>699</v>
      </c>
      <c r="H84" s="23" t="s">
        <v>700</v>
      </c>
      <c r="I84" s="22" t="s">
        <v>701</v>
      </c>
      <c r="J84" s="22" t="s">
        <v>702</v>
      </c>
      <c r="K84" s="22" t="s">
        <v>29</v>
      </c>
      <c r="L84" s="22" t="s">
        <v>432</v>
      </c>
      <c r="M84" s="22" t="s">
        <v>703</v>
      </c>
      <c r="N84" s="22" t="s">
        <v>433</v>
      </c>
      <c r="O84" s="22" t="s">
        <v>434</v>
      </c>
      <c r="P84" s="22" t="s">
        <v>704</v>
      </c>
      <c r="Q84" s="22" t="s">
        <v>705</v>
      </c>
    </row>
    <row r="85" spans="2:17" x14ac:dyDescent="0.25">
      <c r="B85" s="20" t="s">
        <v>706</v>
      </c>
      <c r="C85" s="22" t="s">
        <v>707</v>
      </c>
      <c r="D85" s="22" t="s">
        <v>38</v>
      </c>
      <c r="E85" s="22" t="s">
        <v>691</v>
      </c>
      <c r="F85" s="23" t="s">
        <v>708</v>
      </c>
      <c r="G85" s="22" t="s">
        <v>709</v>
      </c>
      <c r="H85" s="23" t="s">
        <v>710</v>
      </c>
      <c r="I85" s="22" t="s">
        <v>28</v>
      </c>
      <c r="J85" s="22" t="s">
        <v>711</v>
      </c>
      <c r="K85" s="22" t="s">
        <v>29</v>
      </c>
      <c r="L85" s="22" t="s">
        <v>707</v>
      </c>
      <c r="M85" s="22" t="s">
        <v>150</v>
      </c>
      <c r="N85" s="22" t="s">
        <v>712</v>
      </c>
      <c r="O85" s="22" t="s">
        <v>708</v>
      </c>
      <c r="P85" s="22" t="s">
        <v>709</v>
      </c>
      <c r="Q85" s="22" t="s">
        <v>710</v>
      </c>
    </row>
    <row r="86" spans="2:17" x14ac:dyDescent="0.25">
      <c r="B86" s="20" t="s">
        <v>713</v>
      </c>
      <c r="C86" s="22" t="s">
        <v>714</v>
      </c>
      <c r="D86" s="22" t="s">
        <v>38</v>
      </c>
      <c r="E86" s="22" t="s">
        <v>715</v>
      </c>
      <c r="F86" s="23" t="s">
        <v>716</v>
      </c>
      <c r="G86" s="22" t="s">
        <v>717</v>
      </c>
      <c r="H86" s="23" t="s">
        <v>372</v>
      </c>
      <c r="I86" s="22" t="s">
        <v>373</v>
      </c>
      <c r="J86" s="22" t="s">
        <v>374</v>
      </c>
      <c r="K86" s="22" t="s">
        <v>29</v>
      </c>
      <c r="L86" s="22" t="s">
        <v>375</v>
      </c>
      <c r="M86" s="22" t="s">
        <v>269</v>
      </c>
      <c r="N86" s="22" t="s">
        <v>376</v>
      </c>
      <c r="O86" s="22" t="s">
        <v>341</v>
      </c>
      <c r="P86" s="22" t="s">
        <v>342</v>
      </c>
      <c r="Q86" s="22" t="s">
        <v>404</v>
      </c>
    </row>
    <row r="87" spans="2:17" x14ac:dyDescent="0.25">
      <c r="B87" s="20" t="s">
        <v>718</v>
      </c>
      <c r="C87" s="22" t="s">
        <v>719</v>
      </c>
      <c r="D87" s="22" t="s">
        <v>38</v>
      </c>
      <c r="E87" s="22" t="s">
        <v>715</v>
      </c>
      <c r="F87" s="23" t="s">
        <v>716</v>
      </c>
      <c r="G87" s="22" t="s">
        <v>720</v>
      </c>
      <c r="H87" s="23" t="s">
        <v>721</v>
      </c>
      <c r="I87" s="22" t="s">
        <v>28</v>
      </c>
      <c r="J87" s="22" t="s">
        <v>722</v>
      </c>
      <c r="K87" s="22" t="s">
        <v>29</v>
      </c>
      <c r="L87" s="22" t="s">
        <v>723</v>
      </c>
      <c r="M87" s="22" t="s">
        <v>45</v>
      </c>
      <c r="N87" s="22" t="s">
        <v>722</v>
      </c>
      <c r="O87" s="22" t="s">
        <v>724</v>
      </c>
      <c r="P87" s="22" t="s">
        <v>725</v>
      </c>
      <c r="Q87" s="22" t="s">
        <v>726</v>
      </c>
    </row>
    <row r="88" spans="2:17" x14ac:dyDescent="0.25">
      <c r="B88" s="20" t="s">
        <v>727</v>
      </c>
      <c r="C88" s="22" t="s">
        <v>728</v>
      </c>
      <c r="D88" s="22" t="s">
        <v>38</v>
      </c>
      <c r="E88" s="22" t="s">
        <v>729</v>
      </c>
      <c r="F88" s="23" t="s">
        <v>730</v>
      </c>
      <c r="G88" s="22" t="s">
        <v>731</v>
      </c>
      <c r="H88" s="23" t="s">
        <v>372</v>
      </c>
      <c r="I88" s="22" t="s">
        <v>373</v>
      </c>
      <c r="J88" s="22" t="s">
        <v>374</v>
      </c>
      <c r="K88" s="22" t="s">
        <v>29</v>
      </c>
      <c r="L88" s="22" t="s">
        <v>375</v>
      </c>
      <c r="M88" s="22" t="s">
        <v>269</v>
      </c>
      <c r="N88" s="22" t="s">
        <v>376</v>
      </c>
      <c r="O88" s="22" t="s">
        <v>341</v>
      </c>
      <c r="P88" s="22" t="s">
        <v>377</v>
      </c>
      <c r="Q88" s="22" t="s">
        <v>404</v>
      </c>
    </row>
    <row r="89" spans="2:17" x14ac:dyDescent="0.25">
      <c r="B89" s="20" t="s">
        <v>732</v>
      </c>
      <c r="C89" s="22" t="s">
        <v>733</v>
      </c>
      <c r="D89" s="22" t="s">
        <v>38</v>
      </c>
      <c r="E89" s="22" t="s">
        <v>729</v>
      </c>
      <c r="F89" s="23" t="s">
        <v>734</v>
      </c>
      <c r="G89" s="22" t="s">
        <v>735</v>
      </c>
      <c r="H89" s="23" t="s">
        <v>736</v>
      </c>
      <c r="I89" s="22" t="s">
        <v>737</v>
      </c>
      <c r="J89" s="22" t="s">
        <v>738</v>
      </c>
      <c r="K89" s="22" t="s">
        <v>29</v>
      </c>
      <c r="L89" s="22" t="s">
        <v>739</v>
      </c>
      <c r="M89" s="22" t="s">
        <v>28</v>
      </c>
      <c r="N89" s="22" t="s">
        <v>738</v>
      </c>
      <c r="O89" s="22" t="s">
        <v>740</v>
      </c>
      <c r="P89" s="22" t="s">
        <v>741</v>
      </c>
      <c r="Q89" s="22" t="s">
        <v>736</v>
      </c>
    </row>
    <row r="90" spans="2:17" x14ac:dyDescent="0.25">
      <c r="B90" s="20" t="s">
        <v>742</v>
      </c>
      <c r="C90" s="22" t="s">
        <v>743</v>
      </c>
      <c r="D90" s="22" t="s">
        <v>38</v>
      </c>
      <c r="E90" s="22" t="s">
        <v>729</v>
      </c>
      <c r="F90" s="23" t="s">
        <v>744</v>
      </c>
      <c r="G90" s="22" t="s">
        <v>745</v>
      </c>
      <c r="H90" s="23" t="s">
        <v>746</v>
      </c>
      <c r="I90" s="22" t="s">
        <v>747</v>
      </c>
      <c r="J90" s="22" t="s">
        <v>748</v>
      </c>
      <c r="K90" s="22" t="s">
        <v>29</v>
      </c>
      <c r="L90" s="22" t="s">
        <v>749</v>
      </c>
      <c r="M90" s="22" t="s">
        <v>65</v>
      </c>
      <c r="N90" s="22" t="s">
        <v>750</v>
      </c>
      <c r="O90" s="22" t="s">
        <v>751</v>
      </c>
      <c r="P90" s="22" t="s">
        <v>752</v>
      </c>
      <c r="Q90" s="22" t="s">
        <v>746</v>
      </c>
    </row>
    <row r="91" spans="2:17" x14ac:dyDescent="0.25">
      <c r="B91" s="20" t="s">
        <v>753</v>
      </c>
      <c r="C91" s="22" t="s">
        <v>754</v>
      </c>
      <c r="D91" s="22" t="s">
        <v>38</v>
      </c>
      <c r="E91" s="22" t="s">
        <v>729</v>
      </c>
      <c r="F91" s="23" t="s">
        <v>734</v>
      </c>
      <c r="G91" s="22" t="s">
        <v>755</v>
      </c>
      <c r="H91" s="23" t="s">
        <v>265</v>
      </c>
      <c r="I91" s="22" t="s">
        <v>28</v>
      </c>
      <c r="J91" s="22" t="s">
        <v>267</v>
      </c>
      <c r="K91" s="22" t="s">
        <v>29</v>
      </c>
      <c r="L91" s="22" t="s">
        <v>268</v>
      </c>
      <c r="M91" s="22" t="s">
        <v>269</v>
      </c>
      <c r="N91" s="22" t="s">
        <v>270</v>
      </c>
      <c r="O91" s="22" t="s">
        <v>271</v>
      </c>
      <c r="P91" s="22" t="s">
        <v>272</v>
      </c>
      <c r="Q91" s="22" t="s">
        <v>265</v>
      </c>
    </row>
    <row r="92" spans="2:17" x14ac:dyDescent="0.25">
      <c r="B92" s="20" t="s">
        <v>756</v>
      </c>
      <c r="C92" s="22" t="s">
        <v>757</v>
      </c>
      <c r="D92" s="22" t="s">
        <v>38</v>
      </c>
      <c r="E92" s="22" t="s">
        <v>758</v>
      </c>
      <c r="F92" s="23" t="s">
        <v>759</v>
      </c>
      <c r="G92" s="22" t="s">
        <v>760</v>
      </c>
      <c r="H92" s="23" t="s">
        <v>746</v>
      </c>
      <c r="I92" s="22" t="s">
        <v>747</v>
      </c>
      <c r="J92" s="22" t="s">
        <v>748</v>
      </c>
      <c r="K92" s="22" t="s">
        <v>25</v>
      </c>
      <c r="L92" s="22" t="s">
        <v>749</v>
      </c>
      <c r="M92" s="22" t="s">
        <v>65</v>
      </c>
      <c r="N92" s="22" t="s">
        <v>750</v>
      </c>
      <c r="O92" s="22" t="s">
        <v>761</v>
      </c>
      <c r="P92" s="22" t="s">
        <v>762</v>
      </c>
      <c r="Q92" s="22" t="s">
        <v>746</v>
      </c>
    </row>
    <row r="93" spans="2:17" x14ac:dyDescent="0.25">
      <c r="B93" s="20" t="s">
        <v>764</v>
      </c>
      <c r="C93" s="22" t="s">
        <v>765</v>
      </c>
      <c r="D93" s="22" t="s">
        <v>38</v>
      </c>
      <c r="E93" s="22" t="s">
        <v>758</v>
      </c>
      <c r="F93" s="23" t="s">
        <v>766</v>
      </c>
      <c r="G93" s="22" t="s">
        <v>767</v>
      </c>
      <c r="H93" s="23" t="s">
        <v>746</v>
      </c>
      <c r="I93" s="22" t="s">
        <v>747</v>
      </c>
      <c r="J93" s="22" t="s">
        <v>748</v>
      </c>
      <c r="K93" s="22" t="s">
        <v>25</v>
      </c>
      <c r="L93" s="22" t="s">
        <v>749</v>
      </c>
      <c r="M93" s="22" t="s">
        <v>65</v>
      </c>
      <c r="N93" s="22" t="s">
        <v>750</v>
      </c>
      <c r="O93" s="22" t="s">
        <v>761</v>
      </c>
      <c r="P93" s="22" t="s">
        <v>762</v>
      </c>
      <c r="Q93" s="22" t="s">
        <v>746</v>
      </c>
    </row>
    <row r="94" spans="2:17" x14ac:dyDescent="0.25">
      <c r="B94" s="20" t="s">
        <v>768</v>
      </c>
      <c r="C94" s="22" t="s">
        <v>769</v>
      </c>
      <c r="D94" s="22" t="s">
        <v>38</v>
      </c>
      <c r="E94" s="22" t="s">
        <v>758</v>
      </c>
      <c r="F94" s="23" t="s">
        <v>766</v>
      </c>
      <c r="G94" s="22" t="s">
        <v>770</v>
      </c>
      <c r="H94" s="23" t="s">
        <v>746</v>
      </c>
      <c r="I94" s="22" t="s">
        <v>747</v>
      </c>
      <c r="J94" s="22" t="s">
        <v>748</v>
      </c>
      <c r="K94" s="22" t="s">
        <v>25</v>
      </c>
      <c r="L94" s="22" t="s">
        <v>749</v>
      </c>
      <c r="M94" s="22" t="s">
        <v>65</v>
      </c>
      <c r="N94" s="22" t="s">
        <v>750</v>
      </c>
      <c r="O94" s="22" t="s">
        <v>761</v>
      </c>
      <c r="P94" s="22" t="s">
        <v>762</v>
      </c>
      <c r="Q94" s="22" t="s">
        <v>746</v>
      </c>
    </row>
    <row r="95" spans="2:17" x14ac:dyDescent="0.25">
      <c r="B95" s="20" t="s">
        <v>771</v>
      </c>
      <c r="C95" s="22" t="s">
        <v>772</v>
      </c>
      <c r="D95" s="22" t="s">
        <v>20</v>
      </c>
      <c r="E95" s="22" t="s">
        <v>758</v>
      </c>
      <c r="F95" s="23" t="s">
        <v>773</v>
      </c>
      <c r="G95" s="22" t="s">
        <v>774</v>
      </c>
      <c r="H95" s="23" t="s">
        <v>775</v>
      </c>
      <c r="I95" s="22" t="s">
        <v>776</v>
      </c>
      <c r="J95" s="22" t="s">
        <v>777</v>
      </c>
      <c r="K95" s="22" t="s">
        <v>29</v>
      </c>
      <c r="L95" s="22" t="s">
        <v>778</v>
      </c>
      <c r="M95" s="22" t="s">
        <v>221</v>
      </c>
      <c r="N95" s="22" t="s">
        <v>779</v>
      </c>
      <c r="O95" s="22" t="s">
        <v>780</v>
      </c>
      <c r="P95" s="22" t="s">
        <v>781</v>
      </c>
      <c r="Q95" s="22" t="s">
        <v>782</v>
      </c>
    </row>
    <row r="96" spans="2:17" x14ac:dyDescent="0.25">
      <c r="B96" s="20" t="s">
        <v>783</v>
      </c>
      <c r="C96" s="22" t="s">
        <v>784</v>
      </c>
      <c r="D96" s="22" t="s">
        <v>20</v>
      </c>
      <c r="E96" s="22" t="s">
        <v>758</v>
      </c>
      <c r="F96" s="23" t="s">
        <v>761</v>
      </c>
      <c r="G96" s="22" t="s">
        <v>785</v>
      </c>
      <c r="H96" s="23" t="s">
        <v>786</v>
      </c>
      <c r="I96" s="22" t="s">
        <v>787</v>
      </c>
      <c r="J96" s="22" t="s">
        <v>777</v>
      </c>
      <c r="K96" s="22" t="s">
        <v>29</v>
      </c>
      <c r="L96" s="22" t="s">
        <v>778</v>
      </c>
      <c r="M96" s="22" t="s">
        <v>221</v>
      </c>
      <c r="N96" s="22" t="s">
        <v>779</v>
      </c>
      <c r="O96" s="22" t="s">
        <v>780</v>
      </c>
      <c r="P96" s="22" t="s">
        <v>781</v>
      </c>
      <c r="Q96" s="22" t="s">
        <v>782</v>
      </c>
    </row>
    <row r="97" spans="2:17" x14ac:dyDescent="0.25">
      <c r="B97" s="20" t="s">
        <v>788</v>
      </c>
      <c r="C97" s="22" t="s">
        <v>789</v>
      </c>
      <c r="D97" s="22" t="s">
        <v>112</v>
      </c>
      <c r="E97" s="22" t="s">
        <v>758</v>
      </c>
      <c r="F97" s="23" t="s">
        <v>724</v>
      </c>
      <c r="G97" s="22" t="s">
        <v>790</v>
      </c>
      <c r="H97" s="23" t="s">
        <v>791</v>
      </c>
      <c r="I97" s="22" t="s">
        <v>28</v>
      </c>
      <c r="J97" s="22" t="s">
        <v>792</v>
      </c>
      <c r="K97" s="22" t="s">
        <v>29</v>
      </c>
      <c r="L97" s="22" t="s">
        <v>793</v>
      </c>
      <c r="M97" s="22" t="s">
        <v>28</v>
      </c>
      <c r="N97" s="22" t="s">
        <v>793</v>
      </c>
      <c r="O97" s="22" t="s">
        <v>724</v>
      </c>
      <c r="P97" s="22" t="s">
        <v>794</v>
      </c>
      <c r="Q97" s="22" t="s">
        <v>791</v>
      </c>
    </row>
    <row r="98" spans="2:17" x14ac:dyDescent="0.25">
      <c r="B98" s="20" t="s">
        <v>795</v>
      </c>
      <c r="C98" s="22" t="s">
        <v>796</v>
      </c>
      <c r="D98" s="22" t="s">
        <v>38</v>
      </c>
      <c r="E98" s="22" t="s">
        <v>758</v>
      </c>
      <c r="F98" s="23" t="s">
        <v>724</v>
      </c>
      <c r="G98" s="22" t="s">
        <v>797</v>
      </c>
      <c r="H98" s="23" t="s">
        <v>798</v>
      </c>
      <c r="I98" s="22" t="s">
        <v>701</v>
      </c>
      <c r="J98" s="22" t="s">
        <v>799</v>
      </c>
      <c r="K98" s="22" t="s">
        <v>29</v>
      </c>
      <c r="L98" s="22" t="s">
        <v>432</v>
      </c>
      <c r="M98" s="22" t="s">
        <v>638</v>
      </c>
      <c r="N98" s="22" t="s">
        <v>433</v>
      </c>
      <c r="O98" s="22" t="s">
        <v>434</v>
      </c>
      <c r="P98" s="22" t="s">
        <v>435</v>
      </c>
      <c r="Q98" s="22" t="s">
        <v>705</v>
      </c>
    </row>
    <row r="99" spans="2:17" x14ac:dyDescent="0.25">
      <c r="B99" s="20" t="s">
        <v>800</v>
      </c>
      <c r="C99" s="22" t="s">
        <v>801</v>
      </c>
      <c r="D99" s="22" t="s">
        <v>38</v>
      </c>
      <c r="E99" s="22" t="s">
        <v>758</v>
      </c>
      <c r="F99" s="23" t="s">
        <v>802</v>
      </c>
      <c r="G99" s="22" t="s">
        <v>803</v>
      </c>
      <c r="H99" s="23" t="s">
        <v>746</v>
      </c>
      <c r="I99" s="22" t="s">
        <v>747</v>
      </c>
      <c r="J99" s="22" t="s">
        <v>748</v>
      </c>
      <c r="K99" s="22" t="s">
        <v>29</v>
      </c>
      <c r="L99" s="22" t="s">
        <v>749</v>
      </c>
      <c r="M99" s="22" t="s">
        <v>65</v>
      </c>
      <c r="N99" s="22" t="s">
        <v>750</v>
      </c>
      <c r="O99" s="22" t="s">
        <v>761</v>
      </c>
      <c r="P99" s="22" t="s">
        <v>804</v>
      </c>
      <c r="Q99" s="22" t="s">
        <v>746</v>
      </c>
    </row>
    <row r="100" spans="2:17" x14ac:dyDescent="0.25">
      <c r="B100" s="20" t="s">
        <v>805</v>
      </c>
      <c r="C100" s="22" t="s">
        <v>806</v>
      </c>
      <c r="D100" s="22" t="s">
        <v>38</v>
      </c>
      <c r="E100" s="22" t="s">
        <v>758</v>
      </c>
      <c r="F100" s="23" t="s">
        <v>802</v>
      </c>
      <c r="G100" s="22" t="s">
        <v>807</v>
      </c>
      <c r="H100" s="23" t="s">
        <v>746</v>
      </c>
      <c r="I100" s="22" t="s">
        <v>747</v>
      </c>
      <c r="J100" s="22" t="s">
        <v>748</v>
      </c>
      <c r="K100" s="22" t="s">
        <v>29</v>
      </c>
      <c r="L100" s="22" t="s">
        <v>749</v>
      </c>
      <c r="M100" s="22" t="s">
        <v>65</v>
      </c>
      <c r="N100" s="22" t="s">
        <v>750</v>
      </c>
      <c r="O100" s="22" t="s">
        <v>761</v>
      </c>
      <c r="P100" s="22" t="s">
        <v>804</v>
      </c>
      <c r="Q100" s="22" t="s">
        <v>746</v>
      </c>
    </row>
    <row r="101" spans="2:17" x14ac:dyDescent="0.25">
      <c r="B101" s="20" t="s">
        <v>808</v>
      </c>
      <c r="C101" s="22" t="s">
        <v>809</v>
      </c>
      <c r="D101" s="22" t="s">
        <v>38</v>
      </c>
      <c r="E101" s="22" t="s">
        <v>758</v>
      </c>
      <c r="F101" s="23" t="s">
        <v>810</v>
      </c>
      <c r="G101" s="22" t="s">
        <v>811</v>
      </c>
      <c r="H101" s="23" t="s">
        <v>746</v>
      </c>
      <c r="I101" s="22" t="s">
        <v>747</v>
      </c>
      <c r="J101" s="22" t="s">
        <v>748</v>
      </c>
      <c r="K101" s="22" t="s">
        <v>29</v>
      </c>
      <c r="L101" s="22" t="s">
        <v>749</v>
      </c>
      <c r="M101" s="22" t="s">
        <v>65</v>
      </c>
      <c r="N101" s="22" t="s">
        <v>750</v>
      </c>
      <c r="O101" s="22" t="s">
        <v>761</v>
      </c>
      <c r="P101" s="22" t="s">
        <v>804</v>
      </c>
      <c r="Q101" s="22" t="s">
        <v>746</v>
      </c>
    </row>
    <row r="102" spans="2:17" x14ac:dyDescent="0.25">
      <c r="B102" s="20" t="s">
        <v>812</v>
      </c>
      <c r="C102" s="22" t="s">
        <v>813</v>
      </c>
      <c r="D102" s="22" t="s">
        <v>38</v>
      </c>
      <c r="E102" s="22" t="s">
        <v>758</v>
      </c>
      <c r="F102" s="23" t="s">
        <v>814</v>
      </c>
      <c r="G102" s="22" t="s">
        <v>815</v>
      </c>
      <c r="H102" s="23" t="s">
        <v>265</v>
      </c>
      <c r="I102" s="22" t="s">
        <v>816</v>
      </c>
      <c r="J102" s="22" t="s">
        <v>817</v>
      </c>
      <c r="K102" s="22" t="s">
        <v>25</v>
      </c>
      <c r="L102" s="22" t="s">
        <v>268</v>
      </c>
      <c r="M102" s="22" t="s">
        <v>269</v>
      </c>
      <c r="N102" s="22" t="s">
        <v>270</v>
      </c>
      <c r="O102" s="22" t="s">
        <v>271</v>
      </c>
      <c r="P102" s="22" t="s">
        <v>818</v>
      </c>
      <c r="Q102" s="22" t="s">
        <v>265</v>
      </c>
    </row>
    <row r="103" spans="2:17" x14ac:dyDescent="0.25">
      <c r="B103" s="20" t="s">
        <v>819</v>
      </c>
      <c r="C103" s="22" t="s">
        <v>820</v>
      </c>
      <c r="D103" s="22" t="s">
        <v>38</v>
      </c>
      <c r="E103" s="22" t="s">
        <v>758</v>
      </c>
      <c r="F103" s="23" t="s">
        <v>821</v>
      </c>
      <c r="G103" s="22" t="s">
        <v>822</v>
      </c>
      <c r="H103" s="23" t="s">
        <v>823</v>
      </c>
      <c r="I103" s="22" t="s">
        <v>824</v>
      </c>
      <c r="J103" s="22" t="s">
        <v>825</v>
      </c>
      <c r="K103" s="22" t="s">
        <v>25</v>
      </c>
      <c r="L103" s="22" t="s">
        <v>820</v>
      </c>
      <c r="M103" s="22" t="s">
        <v>269</v>
      </c>
      <c r="N103" s="22" t="s">
        <v>826</v>
      </c>
      <c r="O103" s="22" t="s">
        <v>821</v>
      </c>
      <c r="P103" s="22" t="s">
        <v>822</v>
      </c>
      <c r="Q103" s="22" t="s">
        <v>823</v>
      </c>
    </row>
    <row r="104" spans="2:17" x14ac:dyDescent="0.25">
      <c r="B104" s="20" t="s">
        <v>827</v>
      </c>
      <c r="C104" s="22" t="s">
        <v>828</v>
      </c>
      <c r="D104" s="22" t="s">
        <v>38</v>
      </c>
      <c r="E104" s="22" t="s">
        <v>758</v>
      </c>
      <c r="F104" s="23" t="s">
        <v>829</v>
      </c>
      <c r="G104" s="22" t="s">
        <v>830</v>
      </c>
      <c r="H104" s="23" t="s">
        <v>831</v>
      </c>
      <c r="I104" s="22" t="s">
        <v>832</v>
      </c>
      <c r="J104" s="22" t="s">
        <v>833</v>
      </c>
      <c r="K104" s="22" t="s">
        <v>25</v>
      </c>
      <c r="L104" s="22" t="s">
        <v>834</v>
      </c>
      <c r="M104" s="22" t="s">
        <v>45</v>
      </c>
      <c r="N104" s="22" t="s">
        <v>826</v>
      </c>
      <c r="O104" s="22" t="s">
        <v>829</v>
      </c>
      <c r="P104" s="22" t="s">
        <v>830</v>
      </c>
      <c r="Q104" s="22" t="s">
        <v>831</v>
      </c>
    </row>
    <row r="105" spans="2:17" x14ac:dyDescent="0.25">
      <c r="B105" s="20" t="s">
        <v>835</v>
      </c>
      <c r="C105" s="22" t="s">
        <v>836</v>
      </c>
      <c r="D105" s="22" t="s">
        <v>38</v>
      </c>
      <c r="E105" s="22" t="s">
        <v>758</v>
      </c>
      <c r="F105" s="23" t="s">
        <v>837</v>
      </c>
      <c r="G105" s="22" t="s">
        <v>838</v>
      </c>
      <c r="H105" s="23" t="s">
        <v>839</v>
      </c>
      <c r="I105" s="22" t="s">
        <v>840</v>
      </c>
      <c r="J105" s="22" t="s">
        <v>841</v>
      </c>
      <c r="K105" s="22" t="s">
        <v>29</v>
      </c>
      <c r="L105" s="22" t="s">
        <v>842</v>
      </c>
      <c r="M105" s="22" t="s">
        <v>119</v>
      </c>
      <c r="N105" s="22" t="s">
        <v>843</v>
      </c>
      <c r="O105" s="22" t="s">
        <v>837</v>
      </c>
      <c r="P105" s="22" t="s">
        <v>838</v>
      </c>
      <c r="Q105" s="22" t="s">
        <v>839</v>
      </c>
    </row>
    <row r="106" spans="2:17" x14ac:dyDescent="0.25">
      <c r="B106" s="20" t="s">
        <v>844</v>
      </c>
      <c r="C106" s="22" t="s">
        <v>845</v>
      </c>
      <c r="D106" s="22" t="s">
        <v>846</v>
      </c>
      <c r="E106" s="22" t="s">
        <v>758</v>
      </c>
      <c r="F106" s="23" t="s">
        <v>847</v>
      </c>
      <c r="G106" s="22" t="s">
        <v>848</v>
      </c>
      <c r="H106" s="23" t="s">
        <v>849</v>
      </c>
      <c r="I106" s="22" t="s">
        <v>850</v>
      </c>
      <c r="J106" s="22" t="s">
        <v>851</v>
      </c>
      <c r="K106" s="22" t="s">
        <v>29</v>
      </c>
      <c r="L106" s="22" t="s">
        <v>845</v>
      </c>
      <c r="M106" s="22" t="s">
        <v>150</v>
      </c>
      <c r="N106" s="22" t="s">
        <v>28</v>
      </c>
      <c r="O106" s="22" t="s">
        <v>847</v>
      </c>
      <c r="P106" s="22" t="s">
        <v>848</v>
      </c>
      <c r="Q106" s="22" t="s">
        <v>849</v>
      </c>
    </row>
    <row r="107" spans="2:17" x14ac:dyDescent="0.25">
      <c r="B107" s="20" t="s">
        <v>852</v>
      </c>
      <c r="C107" s="22" t="s">
        <v>853</v>
      </c>
      <c r="D107" s="22" t="s">
        <v>322</v>
      </c>
      <c r="E107" s="22" t="s">
        <v>854</v>
      </c>
      <c r="F107" s="23" t="s">
        <v>855</v>
      </c>
      <c r="G107" s="22" t="s">
        <v>856</v>
      </c>
      <c r="H107" s="23" t="s">
        <v>857</v>
      </c>
      <c r="I107" s="22" t="s">
        <v>685</v>
      </c>
      <c r="J107" s="22" t="s">
        <v>858</v>
      </c>
      <c r="K107" s="22" t="s">
        <v>29</v>
      </c>
      <c r="L107" s="22" t="s">
        <v>853</v>
      </c>
      <c r="M107" s="22" t="s">
        <v>329</v>
      </c>
      <c r="N107" s="22" t="s">
        <v>859</v>
      </c>
      <c r="O107" s="22" t="s">
        <v>855</v>
      </c>
      <c r="P107" s="22" t="s">
        <v>856</v>
      </c>
      <c r="Q107" s="22" t="s">
        <v>857</v>
      </c>
    </row>
    <row r="108" spans="2:17" x14ac:dyDescent="0.25">
      <c r="B108" s="20" t="s">
        <v>860</v>
      </c>
      <c r="C108" s="22" t="s">
        <v>861</v>
      </c>
      <c r="D108" s="22" t="s">
        <v>38</v>
      </c>
      <c r="E108" s="22" t="s">
        <v>854</v>
      </c>
      <c r="F108" s="23" t="s">
        <v>862</v>
      </c>
      <c r="G108" s="22" t="s">
        <v>863</v>
      </c>
      <c r="H108" s="23" t="s">
        <v>864</v>
      </c>
      <c r="I108" s="22" t="s">
        <v>865</v>
      </c>
      <c r="J108" s="22" t="s">
        <v>866</v>
      </c>
      <c r="K108" s="22" t="s">
        <v>29</v>
      </c>
      <c r="L108" s="22" t="s">
        <v>861</v>
      </c>
      <c r="M108" s="22" t="s">
        <v>45</v>
      </c>
      <c r="N108" s="22" t="s">
        <v>867</v>
      </c>
      <c r="O108" s="22" t="s">
        <v>862</v>
      </c>
      <c r="P108" s="22" t="s">
        <v>868</v>
      </c>
      <c r="Q108" s="22" t="s">
        <v>864</v>
      </c>
    </row>
    <row r="109" spans="2:17" x14ac:dyDescent="0.25">
      <c r="B109" s="20" t="s">
        <v>869</v>
      </c>
      <c r="C109" s="22" t="s">
        <v>870</v>
      </c>
      <c r="D109" s="22" t="s">
        <v>38</v>
      </c>
      <c r="E109" s="22" t="s">
        <v>854</v>
      </c>
      <c r="F109" s="23" t="s">
        <v>871</v>
      </c>
      <c r="G109" s="22" t="s">
        <v>872</v>
      </c>
      <c r="H109" s="23" t="s">
        <v>873</v>
      </c>
      <c r="I109" s="22" t="s">
        <v>82</v>
      </c>
      <c r="J109" s="22" t="s">
        <v>874</v>
      </c>
      <c r="K109" s="22" t="s">
        <v>29</v>
      </c>
      <c r="L109" s="22" t="s">
        <v>875</v>
      </c>
      <c r="M109" s="22" t="s">
        <v>82</v>
      </c>
      <c r="N109" s="22" t="s">
        <v>874</v>
      </c>
      <c r="O109" s="22" t="s">
        <v>871</v>
      </c>
      <c r="P109" s="22" t="s">
        <v>876</v>
      </c>
      <c r="Q109" s="22" t="s">
        <v>873</v>
      </c>
    </row>
    <row r="110" spans="2:17" x14ac:dyDescent="0.25">
      <c r="B110" s="20" t="s">
        <v>877</v>
      </c>
      <c r="C110" s="22" t="s">
        <v>878</v>
      </c>
      <c r="D110" s="22" t="s">
        <v>38</v>
      </c>
      <c r="E110" s="22" t="s">
        <v>879</v>
      </c>
      <c r="F110" s="23" t="s">
        <v>880</v>
      </c>
      <c r="G110" s="22" t="s">
        <v>881</v>
      </c>
      <c r="H110" s="23" t="s">
        <v>372</v>
      </c>
      <c r="I110" s="22" t="s">
        <v>882</v>
      </c>
      <c r="J110" s="22" t="s">
        <v>374</v>
      </c>
      <c r="K110" s="22" t="s">
        <v>25</v>
      </c>
      <c r="L110" s="22" t="s">
        <v>883</v>
      </c>
      <c r="M110" s="22" t="s">
        <v>269</v>
      </c>
      <c r="N110" s="22" t="s">
        <v>376</v>
      </c>
      <c r="O110" s="22" t="s">
        <v>341</v>
      </c>
      <c r="P110" s="22" t="s">
        <v>884</v>
      </c>
      <c r="Q110" s="22" t="s">
        <v>404</v>
      </c>
    </row>
    <row r="111" spans="2:17" x14ac:dyDescent="0.25">
      <c r="B111" s="20" t="s">
        <v>885</v>
      </c>
      <c r="C111" s="22" t="s">
        <v>886</v>
      </c>
      <c r="D111" s="22" t="s">
        <v>322</v>
      </c>
      <c r="E111" s="22" t="s">
        <v>879</v>
      </c>
      <c r="F111" s="23" t="s">
        <v>887</v>
      </c>
      <c r="G111" s="22" t="s">
        <v>888</v>
      </c>
      <c r="H111" s="23" t="s">
        <v>889</v>
      </c>
      <c r="I111" s="22" t="s">
        <v>890</v>
      </c>
      <c r="J111" s="22" t="s">
        <v>891</v>
      </c>
      <c r="K111" s="22" t="s">
        <v>25</v>
      </c>
      <c r="L111" s="22" t="s">
        <v>892</v>
      </c>
      <c r="M111" s="22" t="s">
        <v>119</v>
      </c>
      <c r="N111" s="22" t="s">
        <v>893</v>
      </c>
      <c r="O111" s="22" t="s">
        <v>894</v>
      </c>
      <c r="P111" s="22" t="s">
        <v>895</v>
      </c>
      <c r="Q111" s="22" t="s">
        <v>896</v>
      </c>
    </row>
    <row r="112" spans="2:17" x14ac:dyDescent="0.25">
      <c r="B112" s="20" t="s">
        <v>897</v>
      </c>
      <c r="C112" s="22" t="s">
        <v>898</v>
      </c>
      <c r="D112" s="22" t="s">
        <v>20</v>
      </c>
      <c r="E112" s="22" t="s">
        <v>879</v>
      </c>
      <c r="F112" s="23" t="s">
        <v>899</v>
      </c>
      <c r="G112" s="22" t="s">
        <v>900</v>
      </c>
      <c r="H112" s="23" t="s">
        <v>901</v>
      </c>
      <c r="I112" s="22" t="s">
        <v>902</v>
      </c>
      <c r="J112" s="22" t="s">
        <v>903</v>
      </c>
      <c r="K112" s="22" t="s">
        <v>29</v>
      </c>
      <c r="L112" s="22" t="s">
        <v>904</v>
      </c>
      <c r="M112" s="22" t="s">
        <v>905</v>
      </c>
      <c r="N112" s="22" t="s">
        <v>906</v>
      </c>
      <c r="O112" s="22" t="s">
        <v>907</v>
      </c>
      <c r="P112" s="22" t="s">
        <v>908</v>
      </c>
      <c r="Q112" s="22" t="s">
        <v>909</v>
      </c>
    </row>
    <row r="113" spans="2:17" x14ac:dyDescent="0.25">
      <c r="B113" s="20" t="s">
        <v>910</v>
      </c>
      <c r="C113" s="22" t="s">
        <v>911</v>
      </c>
      <c r="D113" s="22" t="s">
        <v>20</v>
      </c>
      <c r="E113" s="22" t="s">
        <v>879</v>
      </c>
      <c r="F113" s="23" t="s">
        <v>912</v>
      </c>
      <c r="G113" s="22" t="s">
        <v>913</v>
      </c>
      <c r="H113" s="23" t="s">
        <v>914</v>
      </c>
      <c r="I113" s="22" t="s">
        <v>915</v>
      </c>
      <c r="J113" s="22" t="s">
        <v>916</v>
      </c>
      <c r="K113" s="22" t="s">
        <v>29</v>
      </c>
      <c r="L113" s="22" t="s">
        <v>904</v>
      </c>
      <c r="M113" s="22" t="s">
        <v>221</v>
      </c>
      <c r="N113" s="22" t="s">
        <v>906</v>
      </c>
      <c r="O113" s="22" t="s">
        <v>917</v>
      </c>
      <c r="P113" s="22" t="s">
        <v>908</v>
      </c>
      <c r="Q113" s="22" t="s">
        <v>909</v>
      </c>
    </row>
    <row r="114" spans="2:17" x14ac:dyDescent="0.25">
      <c r="B114" s="20" t="s">
        <v>918</v>
      </c>
      <c r="C114" s="22" t="s">
        <v>919</v>
      </c>
      <c r="D114" s="22" t="s">
        <v>846</v>
      </c>
      <c r="E114" s="22" t="s">
        <v>879</v>
      </c>
      <c r="F114" s="23" t="s">
        <v>920</v>
      </c>
      <c r="G114" s="22" t="s">
        <v>921</v>
      </c>
      <c r="H114" s="23" t="s">
        <v>922</v>
      </c>
      <c r="I114" s="22" t="s">
        <v>923</v>
      </c>
      <c r="J114" s="22" t="s">
        <v>924</v>
      </c>
      <c r="K114" s="22" t="s">
        <v>29</v>
      </c>
      <c r="L114" s="22" t="s">
        <v>919</v>
      </c>
      <c r="M114" s="22" t="s">
        <v>925</v>
      </c>
      <c r="N114" s="22" t="s">
        <v>926</v>
      </c>
      <c r="O114" s="22" t="s">
        <v>927</v>
      </c>
      <c r="P114" s="22" t="s">
        <v>928</v>
      </c>
      <c r="Q114" s="22" t="s">
        <v>929</v>
      </c>
    </row>
    <row r="115" spans="2:17" x14ac:dyDescent="0.25">
      <c r="B115" s="20" t="s">
        <v>930</v>
      </c>
      <c r="C115" s="22" t="s">
        <v>931</v>
      </c>
      <c r="D115" s="22" t="s">
        <v>322</v>
      </c>
      <c r="E115" s="22" t="s">
        <v>932</v>
      </c>
      <c r="F115" s="23" t="s">
        <v>933</v>
      </c>
      <c r="G115" s="22" t="s">
        <v>934</v>
      </c>
      <c r="H115" s="23" t="s">
        <v>935</v>
      </c>
      <c r="I115" s="22" t="s">
        <v>936</v>
      </c>
      <c r="J115" s="22" t="s">
        <v>937</v>
      </c>
      <c r="K115" s="22" t="s">
        <v>29</v>
      </c>
      <c r="L115" s="22" t="s">
        <v>931</v>
      </c>
      <c r="M115" s="22" t="s">
        <v>938</v>
      </c>
      <c r="N115" s="22" t="s">
        <v>939</v>
      </c>
      <c r="O115" s="22" t="s">
        <v>933</v>
      </c>
      <c r="P115" s="22" t="s">
        <v>940</v>
      </c>
      <c r="Q115" s="22" t="s">
        <v>941</v>
      </c>
    </row>
    <row r="116" spans="2:17" x14ac:dyDescent="0.25">
      <c r="B116" s="20" t="s">
        <v>942</v>
      </c>
      <c r="C116" s="22" t="s">
        <v>943</v>
      </c>
      <c r="D116" s="22" t="s">
        <v>38</v>
      </c>
      <c r="E116" s="22" t="s">
        <v>932</v>
      </c>
      <c r="F116" s="23" t="s">
        <v>944</v>
      </c>
      <c r="G116" s="22" t="s">
        <v>945</v>
      </c>
      <c r="H116" s="23" t="s">
        <v>946</v>
      </c>
      <c r="I116" s="22" t="s">
        <v>52</v>
      </c>
      <c r="J116" s="22" t="s">
        <v>947</v>
      </c>
      <c r="K116" s="22" t="s">
        <v>29</v>
      </c>
      <c r="L116" s="22" t="s">
        <v>432</v>
      </c>
      <c r="M116" s="22" t="s">
        <v>638</v>
      </c>
      <c r="N116" s="22" t="s">
        <v>433</v>
      </c>
      <c r="O116" s="22" t="s">
        <v>948</v>
      </c>
      <c r="P116" s="22" t="s">
        <v>949</v>
      </c>
      <c r="Q116" s="22" t="s">
        <v>705</v>
      </c>
    </row>
    <row r="117" spans="2:17" x14ac:dyDescent="0.25">
      <c r="B117" s="20" t="s">
        <v>950</v>
      </c>
      <c r="C117" s="22" t="s">
        <v>951</v>
      </c>
      <c r="D117" s="22" t="s">
        <v>38</v>
      </c>
      <c r="E117" s="22" t="s">
        <v>952</v>
      </c>
      <c r="F117" s="23" t="s">
        <v>953</v>
      </c>
      <c r="G117" s="22" t="s">
        <v>954</v>
      </c>
      <c r="H117" s="23" t="s">
        <v>372</v>
      </c>
      <c r="I117" s="22" t="s">
        <v>373</v>
      </c>
      <c r="J117" s="22" t="s">
        <v>374</v>
      </c>
      <c r="K117" s="22" t="s">
        <v>29</v>
      </c>
      <c r="L117" s="22" t="s">
        <v>375</v>
      </c>
      <c r="M117" s="22" t="s">
        <v>269</v>
      </c>
      <c r="N117" s="22" t="s">
        <v>376</v>
      </c>
      <c r="O117" s="22" t="s">
        <v>341</v>
      </c>
      <c r="P117" s="22" t="s">
        <v>342</v>
      </c>
      <c r="Q117" s="22" t="s">
        <v>404</v>
      </c>
    </row>
    <row r="118" spans="2:17" x14ac:dyDescent="0.25">
      <c r="B118" s="20" t="s">
        <v>955</v>
      </c>
      <c r="C118" s="22" t="s">
        <v>956</v>
      </c>
      <c r="D118" s="22" t="s">
        <v>38</v>
      </c>
      <c r="E118" s="22" t="s">
        <v>952</v>
      </c>
      <c r="F118" s="23" t="s">
        <v>953</v>
      </c>
      <c r="G118" s="22" t="s">
        <v>957</v>
      </c>
      <c r="H118" s="23" t="s">
        <v>958</v>
      </c>
      <c r="I118" s="22" t="s">
        <v>278</v>
      </c>
      <c r="J118" s="22" t="s">
        <v>959</v>
      </c>
      <c r="K118" s="22" t="s">
        <v>29</v>
      </c>
      <c r="L118" s="22" t="s">
        <v>960</v>
      </c>
      <c r="M118" s="22" t="s">
        <v>278</v>
      </c>
      <c r="N118" s="22" t="s">
        <v>959</v>
      </c>
      <c r="O118" s="22" t="s">
        <v>953</v>
      </c>
      <c r="P118" s="22" t="s">
        <v>961</v>
      </c>
      <c r="Q118" s="22" t="s">
        <v>958</v>
      </c>
    </row>
    <row r="119" spans="2:17" x14ac:dyDescent="0.25">
      <c r="B119" s="20" t="s">
        <v>962</v>
      </c>
      <c r="C119" s="22" t="s">
        <v>963</v>
      </c>
      <c r="D119" s="22" t="s">
        <v>38</v>
      </c>
      <c r="E119" s="22" t="s">
        <v>952</v>
      </c>
      <c r="F119" s="23" t="s">
        <v>953</v>
      </c>
      <c r="G119" s="22" t="s">
        <v>964</v>
      </c>
      <c r="H119" s="23" t="s">
        <v>965</v>
      </c>
      <c r="I119" s="22" t="s">
        <v>45</v>
      </c>
      <c r="J119" s="22" t="s">
        <v>966</v>
      </c>
      <c r="K119" s="22" t="s">
        <v>29</v>
      </c>
      <c r="L119" s="22" t="s">
        <v>963</v>
      </c>
      <c r="M119" s="22" t="s">
        <v>45</v>
      </c>
      <c r="N119" s="22" t="s">
        <v>966</v>
      </c>
      <c r="O119" s="22" t="s">
        <v>967</v>
      </c>
      <c r="P119" s="22" t="s">
        <v>968</v>
      </c>
      <c r="Q119" s="22" t="s">
        <v>969</v>
      </c>
    </row>
    <row r="120" spans="2:17" x14ac:dyDescent="0.25">
      <c r="B120" s="20" t="s">
        <v>970</v>
      </c>
      <c r="C120" s="22" t="s">
        <v>971</v>
      </c>
      <c r="D120" s="22" t="s">
        <v>322</v>
      </c>
      <c r="E120" s="22" t="s">
        <v>952</v>
      </c>
      <c r="F120" s="23" t="s">
        <v>972</v>
      </c>
      <c r="G120" s="22" t="s">
        <v>973</v>
      </c>
      <c r="H120" s="23" t="s">
        <v>974</v>
      </c>
      <c r="I120" s="22" t="s">
        <v>654</v>
      </c>
      <c r="J120" s="22" t="s">
        <v>975</v>
      </c>
      <c r="K120" s="22" t="s">
        <v>25</v>
      </c>
      <c r="L120" s="22" t="s">
        <v>931</v>
      </c>
      <c r="M120" s="22" t="s">
        <v>976</v>
      </c>
      <c r="N120" s="22" t="s">
        <v>977</v>
      </c>
      <c r="O120" s="22" t="s">
        <v>972</v>
      </c>
      <c r="P120" s="22" t="s">
        <v>978</v>
      </c>
      <c r="Q120" s="22" t="s">
        <v>974</v>
      </c>
    </row>
    <row r="121" spans="2:17" x14ac:dyDescent="0.25">
      <c r="B121" s="20" t="s">
        <v>979</v>
      </c>
      <c r="C121" s="22" t="s">
        <v>980</v>
      </c>
      <c r="D121" s="22" t="s">
        <v>38</v>
      </c>
      <c r="E121" s="22" t="s">
        <v>952</v>
      </c>
      <c r="F121" s="23" t="s">
        <v>981</v>
      </c>
      <c r="G121" s="22" t="s">
        <v>982</v>
      </c>
      <c r="H121" s="23" t="s">
        <v>983</v>
      </c>
      <c r="I121" s="22" t="s">
        <v>984</v>
      </c>
      <c r="J121" s="22" t="s">
        <v>985</v>
      </c>
      <c r="K121" s="22" t="s">
        <v>25</v>
      </c>
      <c r="L121" s="22" t="s">
        <v>986</v>
      </c>
      <c r="M121" s="22" t="s">
        <v>45</v>
      </c>
      <c r="N121" s="22" t="s">
        <v>987</v>
      </c>
      <c r="O121" s="22" t="s">
        <v>988</v>
      </c>
      <c r="P121" s="22" t="s">
        <v>989</v>
      </c>
      <c r="Q121" s="22" t="s">
        <v>990</v>
      </c>
    </row>
    <row r="122" spans="2:17" x14ac:dyDescent="0.25">
      <c r="B122" s="20" t="s">
        <v>991</v>
      </c>
      <c r="C122" s="22" t="s">
        <v>992</v>
      </c>
      <c r="D122" s="22" t="s">
        <v>38</v>
      </c>
      <c r="E122" s="22" t="s">
        <v>993</v>
      </c>
      <c r="F122" s="23" t="s">
        <v>994</v>
      </c>
      <c r="G122" s="22" t="s">
        <v>995</v>
      </c>
      <c r="H122" s="23" t="s">
        <v>996</v>
      </c>
      <c r="I122" s="22" t="s">
        <v>997</v>
      </c>
      <c r="J122" s="22" t="s">
        <v>998</v>
      </c>
      <c r="K122" s="22" t="s">
        <v>29</v>
      </c>
      <c r="L122" s="22" t="s">
        <v>999</v>
      </c>
      <c r="M122" s="22" t="s">
        <v>1000</v>
      </c>
      <c r="N122" s="22" t="s">
        <v>1001</v>
      </c>
      <c r="O122" s="22" t="s">
        <v>994</v>
      </c>
      <c r="P122" s="22" t="s">
        <v>1002</v>
      </c>
      <c r="Q122" s="22" t="s">
        <v>996</v>
      </c>
    </row>
    <row r="123" spans="2:17" x14ac:dyDescent="0.25">
      <c r="B123" s="20" t="s">
        <v>1003</v>
      </c>
      <c r="C123" s="22" t="s">
        <v>1004</v>
      </c>
      <c r="D123" s="22" t="s">
        <v>38</v>
      </c>
      <c r="E123" s="22" t="s">
        <v>993</v>
      </c>
      <c r="F123" s="23" t="s">
        <v>1005</v>
      </c>
      <c r="G123" s="22" t="s">
        <v>1006</v>
      </c>
      <c r="H123" s="23" t="s">
        <v>1007</v>
      </c>
      <c r="I123" s="22" t="s">
        <v>28</v>
      </c>
      <c r="J123" s="22" t="s">
        <v>1008</v>
      </c>
      <c r="K123" s="22" t="s">
        <v>25</v>
      </c>
      <c r="L123" s="22" t="s">
        <v>1004</v>
      </c>
      <c r="M123" s="22" t="s">
        <v>45</v>
      </c>
      <c r="N123" s="22" t="s">
        <v>1009</v>
      </c>
      <c r="O123" s="22" t="s">
        <v>1005</v>
      </c>
      <c r="P123" s="22" t="s">
        <v>1010</v>
      </c>
      <c r="Q123" s="22" t="s">
        <v>1007</v>
      </c>
    </row>
    <row r="124" spans="2:17" x14ac:dyDescent="0.25">
      <c r="B124" s="20" t="s">
        <v>1011</v>
      </c>
      <c r="C124" s="22" t="s">
        <v>1012</v>
      </c>
      <c r="D124" s="22" t="s">
        <v>38</v>
      </c>
      <c r="E124" s="22" t="s">
        <v>993</v>
      </c>
      <c r="F124" s="23" t="s">
        <v>1013</v>
      </c>
      <c r="G124" s="22" t="s">
        <v>1014</v>
      </c>
      <c r="H124" s="23" t="s">
        <v>335</v>
      </c>
      <c r="I124" s="22" t="s">
        <v>336</v>
      </c>
      <c r="J124" s="22" t="s">
        <v>337</v>
      </c>
      <c r="K124" s="22" t="s">
        <v>25</v>
      </c>
      <c r="L124" s="22" t="s">
        <v>338</v>
      </c>
      <c r="M124" s="22" t="s">
        <v>339</v>
      </c>
      <c r="N124" s="22" t="s">
        <v>340</v>
      </c>
      <c r="O124" s="22" t="s">
        <v>341</v>
      </c>
      <c r="P124" s="22" t="s">
        <v>377</v>
      </c>
      <c r="Q124" s="22" t="s">
        <v>343</v>
      </c>
    </row>
    <row r="125" spans="2:17" x14ac:dyDescent="0.25">
      <c r="B125" s="20" t="s">
        <v>1015</v>
      </c>
      <c r="C125" s="22" t="s">
        <v>1016</v>
      </c>
      <c r="D125" s="22" t="s">
        <v>38</v>
      </c>
      <c r="E125" s="22" t="s">
        <v>993</v>
      </c>
      <c r="F125" s="23" t="s">
        <v>1017</v>
      </c>
      <c r="G125" s="22" t="s">
        <v>1018</v>
      </c>
      <c r="H125" s="23" t="s">
        <v>372</v>
      </c>
      <c r="I125" s="22" t="s">
        <v>1019</v>
      </c>
      <c r="J125" s="22" t="s">
        <v>374</v>
      </c>
      <c r="K125" s="22" t="s">
        <v>29</v>
      </c>
      <c r="L125" s="22" t="s">
        <v>375</v>
      </c>
      <c r="M125" s="22" t="s">
        <v>269</v>
      </c>
      <c r="N125" s="22" t="s">
        <v>376</v>
      </c>
      <c r="O125" s="22" t="s">
        <v>341</v>
      </c>
      <c r="P125" s="22" t="s">
        <v>377</v>
      </c>
      <c r="Q125" s="22" t="s">
        <v>404</v>
      </c>
    </row>
    <row r="126" spans="2:17" x14ac:dyDescent="0.25">
      <c r="B126" s="20" t="s">
        <v>1020</v>
      </c>
      <c r="C126" s="22" t="s">
        <v>1021</v>
      </c>
      <c r="D126" s="22" t="s">
        <v>38</v>
      </c>
      <c r="E126" s="22" t="s">
        <v>1022</v>
      </c>
      <c r="F126" s="23" t="s">
        <v>1023</v>
      </c>
      <c r="G126" s="22" t="s">
        <v>1024</v>
      </c>
      <c r="H126" s="23" t="s">
        <v>1025</v>
      </c>
      <c r="I126" s="22" t="s">
        <v>28</v>
      </c>
      <c r="J126" s="22" t="s">
        <v>687</v>
      </c>
      <c r="K126" s="22" t="s">
        <v>29</v>
      </c>
      <c r="L126" s="22" t="s">
        <v>1026</v>
      </c>
      <c r="M126" s="22" t="s">
        <v>45</v>
      </c>
      <c r="N126" s="22" t="s">
        <v>687</v>
      </c>
      <c r="O126" s="22" t="s">
        <v>1027</v>
      </c>
      <c r="P126" s="22" t="s">
        <v>1028</v>
      </c>
      <c r="Q126" s="22" t="s">
        <v>1029</v>
      </c>
    </row>
    <row r="127" spans="2:17" x14ac:dyDescent="0.25">
      <c r="B127" s="20" t="s">
        <v>1030</v>
      </c>
      <c r="C127" s="22" t="s">
        <v>1031</v>
      </c>
      <c r="D127" s="22" t="s">
        <v>38</v>
      </c>
      <c r="E127" s="22" t="s">
        <v>1022</v>
      </c>
      <c r="F127" s="23" t="s">
        <v>1023</v>
      </c>
      <c r="G127" s="22" t="s">
        <v>1032</v>
      </c>
      <c r="H127" s="23" t="s">
        <v>1033</v>
      </c>
      <c r="I127" s="22" t="s">
        <v>1034</v>
      </c>
      <c r="J127" s="22" t="s">
        <v>1035</v>
      </c>
      <c r="K127" s="22" t="s">
        <v>25</v>
      </c>
      <c r="L127" s="22" t="s">
        <v>1031</v>
      </c>
      <c r="M127" s="22" t="s">
        <v>150</v>
      </c>
      <c r="N127" s="22" t="s">
        <v>1036</v>
      </c>
      <c r="O127" s="22" t="s">
        <v>1023</v>
      </c>
      <c r="P127" s="22" t="s">
        <v>1037</v>
      </c>
      <c r="Q127" s="22" t="s">
        <v>1033</v>
      </c>
    </row>
  </sheetData>
  <mergeCells count="2">
    <mergeCell ref="B2:K2"/>
    <mergeCell ref="L2:Q2"/>
  </mergeCells>
  <phoneticPr fontId="1"/>
  <hyperlinks>
    <hyperlink ref="B4" location="'04400000002'!A1" display="04400000002" xr:uid="{00000000-0004-0000-0000-000000000000}"/>
    <hyperlink ref="B5" location="'04420200074'!A1" display="04420200074" xr:uid="{00000000-0004-0000-0000-000001000000}"/>
    <hyperlink ref="B6" location="'04420200081'!A1" display="04420200081" xr:uid="{00000000-0004-0000-0000-000002000000}"/>
    <hyperlink ref="B7" location="'04420200088'!A1" display="04420200088" xr:uid="{00000000-0004-0000-0000-000003000000}"/>
    <hyperlink ref="B8" location="'04420200096'!A1" display="04420200096" xr:uid="{00000000-0004-0000-0000-000004000000}"/>
    <hyperlink ref="B9" location="'04420200101'!A1" display="04420200101" xr:uid="{00000000-0004-0000-0000-000005000000}"/>
    <hyperlink ref="B10" location="'04420200103'!A1" display="04420200103" xr:uid="{00000000-0004-0000-0000-000006000000}"/>
    <hyperlink ref="B11" location="'04420200105'!A1" display="04420200105" xr:uid="{00000000-0004-0000-0000-000007000000}"/>
    <hyperlink ref="B12" location="'04420200107'!A1" display="04420200107" xr:uid="{00000000-0004-0000-0000-000008000000}"/>
    <hyperlink ref="B13" location="'04420200108'!A1" display="04420200108" xr:uid="{00000000-0004-0000-0000-000009000000}"/>
    <hyperlink ref="B14" location="'04420200112'!A1" display="04420200112" xr:uid="{00000000-0004-0000-0000-00000A000000}"/>
    <hyperlink ref="B15" location="'04420200113'!A1" display="04420200113" xr:uid="{00000000-0004-0000-0000-00000B000000}"/>
    <hyperlink ref="B16" location="'04420200114'!A1" display="04420200114" xr:uid="{00000000-0004-0000-0000-00000C000000}"/>
    <hyperlink ref="B17" location="'04420200115'!A1" display="04420200115" xr:uid="{00000000-0004-0000-0000-00000D000000}"/>
    <hyperlink ref="B18" location="'04420200116'!A1" display="04420200116" xr:uid="{00000000-0004-0000-0000-00000E000000}"/>
    <hyperlink ref="B19" location="'04420200117'!A1" display="04420200117" xr:uid="{00000000-0004-0000-0000-00000F000000}"/>
    <hyperlink ref="B20" location="'04420200118'!A1" display="04420200118" xr:uid="{00000000-0004-0000-0000-000010000000}"/>
    <hyperlink ref="B21" location="'04420300001'!A1" display="04420300001" xr:uid="{00000000-0004-0000-0000-000011000000}"/>
    <hyperlink ref="B22" location="'04420300008'!A1" display="04420300008" xr:uid="{00000000-0004-0000-0000-000012000000}"/>
    <hyperlink ref="B23" location="'04420300013'!A1" display="04420300013" xr:uid="{00000000-0004-0000-0000-000013000000}"/>
    <hyperlink ref="B24" location="'04420300032'!A1" display="04420300032" xr:uid="{00000000-0004-0000-0000-000014000000}"/>
    <hyperlink ref="B25" location="'04420300038'!A1" display="04420300038" xr:uid="{00000000-0004-0000-0000-000015000000}"/>
    <hyperlink ref="B26" location="'04420300045'!A1" display="04420300045" xr:uid="{00000000-0004-0000-0000-000016000000}"/>
    <hyperlink ref="B27" location="'04420300046'!A1" display="04420300046" xr:uid="{00000000-0004-0000-0000-000017000000}"/>
    <hyperlink ref="B28" location="'04420300051'!A1" display="04420300051" xr:uid="{00000000-0004-0000-0000-000018000000}"/>
    <hyperlink ref="B29" location="'04420300056'!A1" display="04420300056" xr:uid="{00000000-0004-0000-0000-000019000000}"/>
    <hyperlink ref="B30" location="'04420300063'!A1" display="04420300063" xr:uid="{00000000-0004-0000-0000-00001A000000}"/>
    <hyperlink ref="B31" location="'04420300064'!A1" display="04420300064" xr:uid="{00000000-0004-0000-0000-00001B000000}"/>
    <hyperlink ref="B32" location="'04420300066'!A1" display="04420300066" xr:uid="{00000000-0004-0000-0000-00001C000000}"/>
    <hyperlink ref="B33" location="'04420300067'!A1" display="04420300067" xr:uid="{00000000-0004-0000-0000-00001D000000}"/>
    <hyperlink ref="B34" location="'04420300068'!A1" display="04420300068" xr:uid="{00000000-0004-0000-0000-00001E000000}"/>
    <hyperlink ref="B35" location="'04420400004'!A1" display="04420400004" xr:uid="{00000000-0004-0000-0000-00001F000000}"/>
    <hyperlink ref="B36" location="'04420400017'!A1" display="04420400017" xr:uid="{00000000-0004-0000-0000-000020000000}"/>
    <hyperlink ref="B37" location="'04420400022'!A1" display="04420400022" xr:uid="{00000000-0004-0000-0000-000021000000}"/>
    <hyperlink ref="B38" location="'04420400026'!A1" display="04420400026" xr:uid="{00000000-0004-0000-0000-000022000000}"/>
    <hyperlink ref="B39" location="'04420400033'!A1" display="04420400033" xr:uid="{00000000-0004-0000-0000-000023000000}"/>
    <hyperlink ref="B40" location="'04420400044'!A1" display="04420400044" xr:uid="{00000000-0004-0000-0000-000024000000}"/>
    <hyperlink ref="B41" location="'04420400045'!A1" display="04420400045" xr:uid="{00000000-0004-0000-0000-000025000000}"/>
    <hyperlink ref="B42" location="'04420400053'!A1" display="04420400053" xr:uid="{00000000-0004-0000-0000-000026000000}"/>
    <hyperlink ref="B43" location="'04420400054'!A1" display="04420400054" xr:uid="{00000000-0004-0000-0000-000027000000}"/>
    <hyperlink ref="B44" location="'04420400057'!A1" display="04420400057" xr:uid="{00000000-0004-0000-0000-000028000000}"/>
    <hyperlink ref="B45" location="'04420400066'!A1" display="04420400066" xr:uid="{00000000-0004-0000-0000-000029000000}"/>
    <hyperlink ref="B46" location="'04420400068'!A1" display="04420400068" xr:uid="{00000000-0004-0000-0000-00002A000000}"/>
    <hyperlink ref="B47" location="'04420400069'!A1" display="04420400069" xr:uid="{00000000-0004-0000-0000-00002B000000}"/>
    <hyperlink ref="B48" location="'04420400070'!A1" display="04420400070" xr:uid="{00000000-0004-0000-0000-00002C000000}"/>
    <hyperlink ref="B49" location="'04420400071'!A1" display="04420400071" xr:uid="{00000000-0004-0000-0000-00002D000000}"/>
    <hyperlink ref="B50" location="'04420400072'!A1" display="04420400072" xr:uid="{00000000-0004-0000-0000-00002E000000}"/>
    <hyperlink ref="B51" location="'04420400074'!A1" display="04420400074" xr:uid="{00000000-0004-0000-0000-00002F000000}"/>
    <hyperlink ref="B52" location="'04420400076'!A1" display="04420400076" xr:uid="{00000000-0004-0000-0000-000030000000}"/>
    <hyperlink ref="B53" location="'04420400078'!A1" display="04420400078" xr:uid="{00000000-0004-0000-0000-000031000000}"/>
    <hyperlink ref="B54" location="'04420500003'!A1" display="04420500003" xr:uid="{00000000-0004-0000-0000-000032000000}"/>
    <hyperlink ref="B55" location="'04420500015'!A1" display="04420500015" xr:uid="{00000000-0004-0000-0000-000033000000}"/>
    <hyperlink ref="B56" location="'04420500025'!A1" display="04420500025" xr:uid="{00000000-0004-0000-0000-000034000000}"/>
    <hyperlink ref="B57" location="'04420500035'!A1" display="04420500035" xr:uid="{00000000-0004-0000-0000-000035000000}"/>
    <hyperlink ref="B58" location="'04420500039'!A1" display="04420500039" xr:uid="{00000000-0004-0000-0000-000036000000}"/>
    <hyperlink ref="B59" location="'04420500047'!A1" display="04420500047" xr:uid="{00000000-0004-0000-0000-000037000000}"/>
    <hyperlink ref="B60" location="'04420500051'!A1" display="04420500051" xr:uid="{00000000-0004-0000-0000-000038000000}"/>
    <hyperlink ref="B61" location="'04420500053'!A1" display="04420500053" xr:uid="{00000000-0004-0000-0000-000039000000}"/>
    <hyperlink ref="B62" location="'04420500054'!A1" display="04420500054" xr:uid="{00000000-0004-0000-0000-00003A000000}"/>
    <hyperlink ref="B63" location="'04420500055'!A1" display="04420500055" xr:uid="{00000000-0004-0000-0000-00003B000000}"/>
    <hyperlink ref="B64" location="'04420500056'!A1" display="04420500056" xr:uid="{00000000-0004-0000-0000-00003C000000}"/>
    <hyperlink ref="B65" location="'04420500057'!A1" display="04420500057" xr:uid="{00000000-0004-0000-0000-00003D000000}"/>
    <hyperlink ref="B66" location="'04420500058'!A1" display="04420500058" xr:uid="{00000000-0004-0000-0000-00003E000000}"/>
    <hyperlink ref="B67" location="'04420600002'!A1" display="04420600002" xr:uid="{00000000-0004-0000-0000-00003F000000}"/>
    <hyperlink ref="B68" location="'04420600005'!A1" display="04420600005" xr:uid="{00000000-0004-0000-0000-000040000000}"/>
    <hyperlink ref="B69" location="'04420600014'!A1" display="04420600014" xr:uid="{00000000-0004-0000-0000-000041000000}"/>
    <hyperlink ref="B70" location="'04420600017'!A1" display="04420600017" xr:uid="{00000000-0004-0000-0000-000042000000}"/>
    <hyperlink ref="B71" location="'04420600020'!A1" display="04420600020" xr:uid="{00000000-0004-0000-0000-000043000000}"/>
    <hyperlink ref="B72" location="'04420600021'!A1" display="04420600021" xr:uid="{00000000-0004-0000-0000-000044000000}"/>
    <hyperlink ref="B73" location="'04420600029'!A1" display="04420600029" xr:uid="{00000000-0004-0000-0000-000045000000}"/>
    <hyperlink ref="B74" location="'04420600031'!A1" display="04420600031" xr:uid="{00000000-0004-0000-0000-000046000000}"/>
    <hyperlink ref="B75" location="'04420600033'!A1" display="04420600033" xr:uid="{00000000-0004-0000-0000-000047000000}"/>
    <hyperlink ref="B76" location="'04442100002'!A1" display="04442100002" xr:uid="{00000000-0004-0000-0000-000048000000}"/>
    <hyperlink ref="B77" location="'04420700003'!A1" display="04420700003" xr:uid="{00000000-0004-0000-0000-000049000000}"/>
    <hyperlink ref="B78" location="'04420700011'!A1" display="04420700011" xr:uid="{00000000-0004-0000-0000-00004A000000}"/>
    <hyperlink ref="B79" location="'04420700015'!A1" display="04420700015" xr:uid="{00000000-0004-0000-0000-00004B000000}"/>
    <hyperlink ref="B80" location="'04420700018'!A1" display="04420700018" xr:uid="{00000000-0004-0000-0000-00004C000000}"/>
    <hyperlink ref="B81" location="'04420700025'!A1" display="04420700025" xr:uid="{00000000-0004-0000-0000-00004D000000}"/>
    <hyperlink ref="B82" location="'04420700026'!A1" display="04420700026" xr:uid="{00000000-0004-0000-0000-00004E000000}"/>
    <hyperlink ref="B83" location="'04420800018'!A1" display="04420800018" xr:uid="{00000000-0004-0000-0000-00004F000000}"/>
    <hyperlink ref="B84" location="'04420800025'!A1" display="04420800025" xr:uid="{00000000-0004-0000-0000-000050000000}"/>
    <hyperlink ref="B85" location="'04420800026'!A1" display="04420800026" xr:uid="{00000000-0004-0000-0000-000051000000}"/>
    <hyperlink ref="B86" location="'04420900022'!A1" display="04420900022" xr:uid="{00000000-0004-0000-0000-000052000000}"/>
    <hyperlink ref="B87" location="'04420900026'!A1" display="04420900026" xr:uid="{00000000-0004-0000-0000-000053000000}"/>
    <hyperlink ref="B88" location="'04421000011'!A1" display="04421000011" xr:uid="{00000000-0004-0000-0000-000054000000}"/>
    <hyperlink ref="B89" location="'04421000014'!A1" display="04421000014" xr:uid="{00000000-0004-0000-0000-000055000000}"/>
    <hyperlink ref="B90" location="'04421000020'!A1" display="04421000020" xr:uid="{00000000-0004-0000-0000-000056000000}"/>
    <hyperlink ref="B91" location="'04421000021'!A1" display="04421000021" xr:uid="{00000000-0004-0000-0000-000057000000}"/>
    <hyperlink ref="B92" location="'04421100037'!A1" display="04421100037" xr:uid="{00000000-0004-0000-0000-000058000000}"/>
    <hyperlink ref="B93" location="'04421100038'!A1" display="04421100038" xr:uid="{00000000-0004-0000-0000-000059000000}"/>
    <hyperlink ref="B94" location="'04421100039'!A1" display="04421100039" xr:uid="{00000000-0004-0000-0000-00005A000000}"/>
    <hyperlink ref="B95" location="'04421100056'!A1" display="04421100056" xr:uid="{00000000-0004-0000-0000-00005B000000}"/>
    <hyperlink ref="B96" location="'04421100057'!A1" display="04421100057" xr:uid="{00000000-0004-0000-0000-00005C000000}"/>
    <hyperlink ref="B97" location="'04421100069'!A1" display="04421100069" xr:uid="{00000000-0004-0000-0000-00005D000000}"/>
    <hyperlink ref="B98" location="'04421100073'!A1" display="04421100073" xr:uid="{00000000-0004-0000-0000-00005E000000}"/>
    <hyperlink ref="B99" location="'04421100074'!A1" display="04421100074" xr:uid="{00000000-0004-0000-0000-00005F000000}"/>
    <hyperlink ref="B100" location="'04421100075'!A1" display="04421100075" xr:uid="{00000000-0004-0000-0000-000060000000}"/>
    <hyperlink ref="B101" location="'04421100076'!A1" display="04421100076" xr:uid="{00000000-0004-0000-0000-000061000000}"/>
    <hyperlink ref="B102" location="'04421100081'!A1" display="04421100081" xr:uid="{00000000-0004-0000-0000-000062000000}"/>
    <hyperlink ref="B103" location="'04421100082'!A1" display="04421100082" xr:uid="{00000000-0004-0000-0000-000063000000}"/>
    <hyperlink ref="B104" location="'04421100083'!A1" display="04421100083" xr:uid="{00000000-0004-0000-0000-000064000000}"/>
    <hyperlink ref="B105" location="'04421100084'!A1" display="04421100084" xr:uid="{00000000-0004-0000-0000-000065000000}"/>
    <hyperlink ref="B106" location="'04421100085'!A1" display="04421100085" xr:uid="{00000000-0004-0000-0000-000066000000}"/>
    <hyperlink ref="B107" location="'04421200013'!A1" display="04421200013" xr:uid="{00000000-0004-0000-0000-000067000000}"/>
    <hyperlink ref="B108" location="'04421200034'!A1" display="04421200034" xr:uid="{00000000-0004-0000-0000-000068000000}"/>
    <hyperlink ref="B109" location="'04421200035'!A1" display="04421200035" xr:uid="{00000000-0004-0000-0000-000069000000}"/>
    <hyperlink ref="B110" location="'04421300008'!A1" display="04421300008" xr:uid="{00000000-0004-0000-0000-00006A000000}"/>
    <hyperlink ref="B111" location="'04421300013'!A1" display="04421300013" xr:uid="{00000000-0004-0000-0000-00006B000000}"/>
    <hyperlink ref="B112" location="'04421300015'!A1" display="04421300015" xr:uid="{00000000-0004-0000-0000-00006C000000}"/>
    <hyperlink ref="B113" location="'04421300017'!A1" display="04421300017" xr:uid="{00000000-0004-0000-0000-00006D000000}"/>
    <hyperlink ref="B114" location="'04421300018'!A1" display="04421300018" xr:uid="{00000000-0004-0000-0000-00006E000000}"/>
    <hyperlink ref="B115" location="'04421400002'!A1" display="04421400002" xr:uid="{00000000-0004-0000-0000-00006F000000}"/>
    <hyperlink ref="B116" location="'04421400008'!A1" display="04421400008" xr:uid="{00000000-0004-0000-0000-000070000000}"/>
    <hyperlink ref="B117" location="'04434100007'!A1" display="04434100007" xr:uid="{00000000-0004-0000-0000-000071000000}"/>
    <hyperlink ref="B118" location="'04434100011'!A1" display="04434100011" xr:uid="{00000000-0004-0000-0000-000072000000}"/>
    <hyperlink ref="B119" location="'04434100013'!A1" display="04434100013" xr:uid="{00000000-0004-0000-0000-000073000000}"/>
    <hyperlink ref="B120" location="'04434100018'!A1" display="04434100018" xr:uid="{00000000-0004-0000-0000-000074000000}"/>
    <hyperlink ref="B121" location="'04434100019'!A1" display="04434100019" xr:uid="{00000000-0004-0000-0000-000075000000}"/>
    <hyperlink ref="B122" location="'04446100004'!A1" display="04446100004" xr:uid="{00000000-0004-0000-0000-000076000000}"/>
    <hyperlink ref="B123" location="'04446100007'!A1" display="04446100007" xr:uid="{00000000-0004-0000-0000-000077000000}"/>
    <hyperlink ref="B124" location="'04446100008'!A1" display="04446100008" xr:uid="{00000000-0004-0000-0000-000078000000}"/>
    <hyperlink ref="B125" location="'04446100009'!A1" display="04446100009" xr:uid="{00000000-0004-0000-0000-000079000000}"/>
    <hyperlink ref="B126" location="'04446200011'!A1" display="04446200011" xr:uid="{00000000-0004-0000-0000-00007A000000}"/>
    <hyperlink ref="B127" location="'04446200013'!A1" display="04446200013" xr:uid="{00000000-0004-0000-0000-00007B000000}"/>
  </hyperlinks>
  <pageMargins left="0.75" right="0.75" top="1" bottom="1" header="0.51200000000000001" footer="0.51200000000000001"/>
  <pageSetup paperSize="9" scale="57" fitToHeight="0" orientation="landscape" horizontalDpi="300" verticalDpi="300" r:id="rId1"/>
  <headerFooter alignWithMargins="0">
    <oddFooter>&amp;P / &amp;N ページ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4E372E-A000-469B-81C1-418EE64270E1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J11" sqref="J1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0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0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0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9</v>
      </c>
      <c r="C11" s="19" t="s">
        <v>1180</v>
      </c>
      <c r="D11" s="19" t="s">
        <v>1180</v>
      </c>
      <c r="E11" s="19" t="s">
        <v>1081</v>
      </c>
      <c r="F11" s="19" t="s">
        <v>1190</v>
      </c>
      <c r="G11" s="19" t="s">
        <v>28</v>
      </c>
      <c r="H11" s="19" t="s">
        <v>28</v>
      </c>
      <c r="I11" s="19" t="s">
        <v>1186</v>
      </c>
      <c r="J11" s="19" t="s">
        <v>28</v>
      </c>
      <c r="K11" s="19" t="s">
        <v>1647</v>
      </c>
      <c r="L11" s="19" t="s">
        <v>1648</v>
      </c>
      <c r="M11" s="19" t="s">
        <v>1649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191</v>
      </c>
      <c r="C14" s="19" t="s">
        <v>1180</v>
      </c>
      <c r="D14" s="19" t="s">
        <v>1180</v>
      </c>
      <c r="E14" s="19" t="s">
        <v>1081</v>
      </c>
      <c r="F14" s="19" t="s">
        <v>1192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7FA6691-2C15-40FF-8BBF-6C665307D0D3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8" sqref="D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1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1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1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1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71AFE29-5B5E-4B7F-8400-82E2AB365067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6" sqref="D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1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2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2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2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2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34</v>
      </c>
      <c r="C11" s="19" t="s">
        <v>1180</v>
      </c>
      <c r="D11" s="19" t="s">
        <v>1180</v>
      </c>
      <c r="E11" s="19" t="s">
        <v>1081</v>
      </c>
      <c r="F11" s="19" t="s">
        <v>1587</v>
      </c>
      <c r="G11" s="19" t="s">
        <v>28</v>
      </c>
      <c r="H11" s="19" t="s">
        <v>28</v>
      </c>
      <c r="I11" s="19" t="s">
        <v>1233</v>
      </c>
      <c r="J11" s="19" t="s">
        <v>28</v>
      </c>
      <c r="K11" s="19" t="s">
        <v>28</v>
      </c>
      <c r="L11" s="19" t="s">
        <v>28</v>
      </c>
      <c r="M11" s="19" t="s">
        <v>28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82722B-C266-47C8-98E8-D58F47A2BE41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G23" sqref="G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2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2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3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2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3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841674-9A0E-484A-991D-A8F7EA48330D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5" sqref="C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3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3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3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3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3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34</v>
      </c>
      <c r="C11" s="19" t="s">
        <v>1180</v>
      </c>
      <c r="D11" s="19" t="s">
        <v>1180</v>
      </c>
      <c r="E11" s="19" t="s">
        <v>1081</v>
      </c>
      <c r="F11" s="19" t="s">
        <v>28</v>
      </c>
      <c r="G11" s="19" t="s">
        <v>28</v>
      </c>
      <c r="H11" s="19" t="s">
        <v>28</v>
      </c>
      <c r="I11" s="19" t="s">
        <v>1186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F948A8-D75C-4843-A8E8-44FAB616B04A}">
  <sheetPr>
    <pageSetUpPr fitToPage="1"/>
  </sheetPr>
  <dimension ref="A2:N1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8" sqref="D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4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4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4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4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4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515</v>
      </c>
      <c r="C11" s="19" t="s">
        <v>1080</v>
      </c>
      <c r="D11" s="19" t="s">
        <v>1080</v>
      </c>
      <c r="E11" s="19" t="s">
        <v>1081</v>
      </c>
      <c r="F11" s="19" t="s">
        <v>1494</v>
      </c>
      <c r="G11" s="19" t="s">
        <v>28</v>
      </c>
      <c r="H11" s="19" t="s">
        <v>28</v>
      </c>
      <c r="I11" s="19" t="s">
        <v>1588</v>
      </c>
      <c r="J11" s="19" t="s">
        <v>1237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515</v>
      </c>
      <c r="C12" s="19" t="s">
        <v>1080</v>
      </c>
      <c r="D12" s="19" t="s">
        <v>1080</v>
      </c>
      <c r="E12" s="19" t="s">
        <v>1198</v>
      </c>
      <c r="F12" s="19" t="s">
        <v>1589</v>
      </c>
      <c r="G12" s="19" t="s">
        <v>28</v>
      </c>
      <c r="H12" s="19" t="s">
        <v>28</v>
      </c>
      <c r="I12" s="19" t="s">
        <v>1588</v>
      </c>
      <c r="J12" s="19" t="s">
        <v>1237</v>
      </c>
      <c r="K12" s="19" t="s">
        <v>1085</v>
      </c>
      <c r="L12" s="19" t="s">
        <v>1086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515</v>
      </c>
      <c r="C13" s="19" t="s">
        <v>1130</v>
      </c>
      <c r="D13" s="19" t="s">
        <v>1130</v>
      </c>
      <c r="E13" s="19" t="s">
        <v>1081</v>
      </c>
      <c r="F13" s="19" t="s">
        <v>1277</v>
      </c>
      <c r="G13" s="19" t="s">
        <v>28</v>
      </c>
      <c r="H13" s="19" t="s">
        <v>28</v>
      </c>
      <c r="I13" s="19" t="s">
        <v>1159</v>
      </c>
      <c r="J13" s="19" t="s">
        <v>28</v>
      </c>
      <c r="K13" s="19" t="s">
        <v>1085</v>
      </c>
      <c r="L13" s="19" t="s">
        <v>1086</v>
      </c>
      <c r="M13" s="19" t="s">
        <v>1087</v>
      </c>
      <c r="N13" s="19" t="s">
        <v>28</v>
      </c>
    </row>
    <row r="14" spans="1:14" s="1" customFormat="1" ht="15" customHeight="1" x14ac:dyDescent="0.15">
      <c r="B14" s="19" t="s">
        <v>1590</v>
      </c>
      <c r="C14" s="19" t="s">
        <v>112</v>
      </c>
      <c r="D14" s="19" t="s">
        <v>1591</v>
      </c>
      <c r="E14" s="19" t="s">
        <v>1253</v>
      </c>
      <c r="F14" s="19" t="s">
        <v>1210</v>
      </c>
      <c r="G14" s="19" t="s">
        <v>28</v>
      </c>
      <c r="H14" s="19" t="s">
        <v>28</v>
      </c>
      <c r="I14" s="19" t="s">
        <v>1592</v>
      </c>
      <c r="J14" s="19" t="s">
        <v>28</v>
      </c>
      <c r="K14" s="19" t="s">
        <v>1085</v>
      </c>
      <c r="L14" s="19" t="s">
        <v>1086</v>
      </c>
      <c r="M14" s="19" t="s">
        <v>1087</v>
      </c>
      <c r="N14" s="19" t="s">
        <v>1593</v>
      </c>
    </row>
    <row r="16" spans="1:14" s="1" customFormat="1" ht="15" customHeight="1" x14ac:dyDescent="0.15">
      <c r="A16" s="16" t="s">
        <v>1178</v>
      </c>
      <c r="B16" s="17" t="s">
        <v>1066</v>
      </c>
      <c r="C16" s="17" t="s">
        <v>1067</v>
      </c>
      <c r="D16" s="17" t="s">
        <v>1068</v>
      </c>
      <c r="E16" s="17" t="s">
        <v>1069</v>
      </c>
      <c r="F16" s="17" t="s">
        <v>1070</v>
      </c>
      <c r="G16" s="17" t="s">
        <v>1071</v>
      </c>
      <c r="H16" s="17" t="s">
        <v>1072</v>
      </c>
      <c r="I16" s="17" t="s">
        <v>1179</v>
      </c>
      <c r="J16" s="18" t="s">
        <v>1078</v>
      </c>
    </row>
    <row r="17" spans="2:10" s="1" customFormat="1" ht="15" customHeight="1" x14ac:dyDescent="0.15">
      <c r="B17" s="19"/>
      <c r="C17" s="19"/>
      <c r="D17" s="19"/>
      <c r="E17" s="19"/>
      <c r="F17" s="19"/>
      <c r="G17" s="19"/>
      <c r="H17" s="19"/>
      <c r="I17" s="19"/>
      <c r="J17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06F3002-C057-4B5A-9758-564DED5C92BD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3" sqref="C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5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5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5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5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5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5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111</v>
      </c>
      <c r="C14" s="19" t="s">
        <v>1130</v>
      </c>
      <c r="D14" s="19" t="s">
        <v>1130</v>
      </c>
      <c r="E14" s="19" t="s">
        <v>1081</v>
      </c>
      <c r="F14" s="19" t="s">
        <v>28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CB92F6C-B34E-476E-B196-DDADDECE988C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5" sqref="E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6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6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5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6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6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6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367</v>
      </c>
      <c r="C14" s="19" t="s">
        <v>1180</v>
      </c>
      <c r="D14" s="19" t="s">
        <v>1180</v>
      </c>
      <c r="E14" s="19" t="s">
        <v>1081</v>
      </c>
      <c r="F14" s="19" t="s">
        <v>1594</v>
      </c>
      <c r="G14" s="19" t="s">
        <v>28</v>
      </c>
      <c r="H14" s="19" t="s">
        <v>28</v>
      </c>
      <c r="I14" s="19" t="s">
        <v>28</v>
      </c>
      <c r="J14" s="19" t="s">
        <v>28</v>
      </c>
    </row>
    <row r="15" spans="1:14" s="1" customFormat="1" ht="15" customHeight="1" x14ac:dyDescent="0.15">
      <c r="B15" s="19" t="s">
        <v>1368</v>
      </c>
      <c r="C15" s="19" t="s">
        <v>1180</v>
      </c>
      <c r="D15" s="19" t="s">
        <v>1180</v>
      </c>
      <c r="E15" s="19" t="s">
        <v>1081</v>
      </c>
      <c r="F15" s="19" t="s">
        <v>1595</v>
      </c>
      <c r="G15" s="19" t="s">
        <v>28</v>
      </c>
      <c r="H15" s="19" t="s">
        <v>28</v>
      </c>
      <c r="I15" s="19" t="s">
        <v>28</v>
      </c>
      <c r="J15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4B6CBC-C067-4EC6-8A4C-46F2CE9B0A56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3" sqref="C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6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7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5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7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7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7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521</v>
      </c>
      <c r="C11" s="19" t="s">
        <v>1180</v>
      </c>
      <c r="D11" s="19" t="s">
        <v>1180</v>
      </c>
      <c r="E11" s="19" t="s">
        <v>1081</v>
      </c>
      <c r="F11" s="19" t="s">
        <v>1596</v>
      </c>
      <c r="G11" s="19" t="s">
        <v>28</v>
      </c>
      <c r="H11" s="19" t="s">
        <v>28</v>
      </c>
      <c r="I11" s="19" t="s">
        <v>1122</v>
      </c>
      <c r="J11" s="19" t="s">
        <v>1597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17B7DA-4AD2-406B-BEAF-67D6CED94309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5" sqref="C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7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7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8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8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7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6482C9-D7BE-43D4-8CC1-9453301576B9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G29" sqref="G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8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8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8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8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8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FC9057-C8FA-48DC-9F93-DB6340CE6B02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4" sqref="B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1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1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1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1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1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69FCAEE-D3AE-414A-97DA-90F29442121A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H30" sqref="H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9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9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0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9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0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7</v>
      </c>
      <c r="C11" s="19" t="s">
        <v>1180</v>
      </c>
      <c r="D11" s="19" t="s">
        <v>1180</v>
      </c>
      <c r="E11" s="19" t="s">
        <v>1081</v>
      </c>
      <c r="F11" s="19" t="s">
        <v>1598</v>
      </c>
      <c r="G11" s="19" t="s">
        <v>28</v>
      </c>
      <c r="H11" s="19" t="s">
        <v>28</v>
      </c>
      <c r="I11" s="19" t="s">
        <v>1113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466</v>
      </c>
      <c r="C12" s="19" t="s">
        <v>1180</v>
      </c>
      <c r="D12" s="19" t="s">
        <v>1180</v>
      </c>
      <c r="E12" s="19" t="s">
        <v>1081</v>
      </c>
      <c r="F12" s="19" t="s">
        <v>1599</v>
      </c>
      <c r="G12" s="19" t="s">
        <v>28</v>
      </c>
      <c r="H12" s="19" t="s">
        <v>28</v>
      </c>
      <c r="I12" s="19" t="s">
        <v>1122</v>
      </c>
      <c r="J12" s="19" t="s">
        <v>1237</v>
      </c>
      <c r="K12" s="19" t="s">
        <v>1085</v>
      </c>
      <c r="L12" s="19" t="s">
        <v>1086</v>
      </c>
      <c r="M12" s="19" t="s">
        <v>1087</v>
      </c>
      <c r="N12" s="19" t="s">
        <v>28</v>
      </c>
    </row>
    <row r="14" spans="1:14" s="1" customFormat="1" ht="15" customHeight="1" x14ac:dyDescent="0.15">
      <c r="A14" s="16" t="s">
        <v>1178</v>
      </c>
      <c r="B14" s="17" t="s">
        <v>1066</v>
      </c>
      <c r="C14" s="17" t="s">
        <v>1067</v>
      </c>
      <c r="D14" s="17" t="s">
        <v>1068</v>
      </c>
      <c r="E14" s="17" t="s">
        <v>1069</v>
      </c>
      <c r="F14" s="17" t="s">
        <v>1070</v>
      </c>
      <c r="G14" s="17" t="s">
        <v>1071</v>
      </c>
      <c r="H14" s="17" t="s">
        <v>1072</v>
      </c>
      <c r="I14" s="17" t="s">
        <v>1179</v>
      </c>
      <c r="J14" s="18" t="s">
        <v>1078</v>
      </c>
    </row>
    <row r="15" spans="1:14" s="1" customFormat="1" ht="15" customHeight="1" x14ac:dyDescent="0.15">
      <c r="B15" s="19"/>
      <c r="C15" s="19"/>
      <c r="D15" s="19"/>
      <c r="E15" s="19"/>
      <c r="F15" s="19"/>
      <c r="G15" s="19"/>
      <c r="H15" s="19"/>
      <c r="I15" s="19"/>
      <c r="J15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109A51-D645-4181-9968-B4A034EAEF5F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9" sqref="E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91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91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1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1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1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34</v>
      </c>
      <c r="C11" s="19" t="s">
        <v>1180</v>
      </c>
      <c r="D11" s="19" t="s">
        <v>1180</v>
      </c>
      <c r="E11" s="19" t="s">
        <v>1081</v>
      </c>
      <c r="F11" s="19" t="s">
        <v>1600</v>
      </c>
      <c r="G11" s="19" t="s">
        <v>28</v>
      </c>
      <c r="H11" s="19" t="s">
        <v>28</v>
      </c>
      <c r="I11" s="19" t="s">
        <v>1233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136</v>
      </c>
      <c r="C12" s="19" t="s">
        <v>1180</v>
      </c>
      <c r="D12" s="19" t="s">
        <v>1180</v>
      </c>
      <c r="E12" s="19" t="s">
        <v>1081</v>
      </c>
      <c r="F12" s="19" t="s">
        <v>1601</v>
      </c>
      <c r="G12" s="19" t="s">
        <v>28</v>
      </c>
      <c r="H12" s="19" t="s">
        <v>28</v>
      </c>
      <c r="I12" s="19" t="s">
        <v>1122</v>
      </c>
      <c r="J12" s="19" t="s">
        <v>1237</v>
      </c>
      <c r="K12" s="19" t="s">
        <v>1085</v>
      </c>
      <c r="L12" s="19" t="s">
        <v>1086</v>
      </c>
      <c r="M12" s="19" t="s">
        <v>1087</v>
      </c>
      <c r="N12" s="19" t="s">
        <v>28</v>
      </c>
    </row>
    <row r="14" spans="1:14" s="1" customFormat="1" ht="15" customHeight="1" x14ac:dyDescent="0.15">
      <c r="A14" s="16" t="s">
        <v>1178</v>
      </c>
      <c r="B14" s="17" t="s">
        <v>1066</v>
      </c>
      <c r="C14" s="17" t="s">
        <v>1067</v>
      </c>
      <c r="D14" s="17" t="s">
        <v>1068</v>
      </c>
      <c r="E14" s="17" t="s">
        <v>1069</v>
      </c>
      <c r="F14" s="17" t="s">
        <v>1070</v>
      </c>
      <c r="G14" s="17" t="s">
        <v>1071</v>
      </c>
      <c r="H14" s="17" t="s">
        <v>1072</v>
      </c>
      <c r="I14" s="17" t="s">
        <v>1179</v>
      </c>
      <c r="J14" s="18" t="s">
        <v>1078</v>
      </c>
    </row>
    <row r="15" spans="1:14" s="1" customFormat="1" ht="15" customHeight="1" x14ac:dyDescent="0.15">
      <c r="B15" s="19"/>
      <c r="C15" s="19"/>
      <c r="D15" s="19"/>
      <c r="E15" s="19"/>
      <c r="F15" s="19"/>
      <c r="G15" s="19"/>
      <c r="H15" s="19"/>
      <c r="I15" s="19"/>
      <c r="J15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BE4BA5-0A30-4426-9C08-46986EFF5B6F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8" sqref="A8:XFD4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91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91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2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2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2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602</v>
      </c>
      <c r="C11" s="19" t="s">
        <v>1080</v>
      </c>
      <c r="D11" s="19" t="s">
        <v>1080</v>
      </c>
      <c r="E11" s="19" t="s">
        <v>1081</v>
      </c>
      <c r="F11" s="19" t="s">
        <v>1434</v>
      </c>
      <c r="G11" s="19" t="s">
        <v>28</v>
      </c>
      <c r="H11" s="19" t="s">
        <v>28</v>
      </c>
      <c r="I11" s="19" t="s">
        <v>1159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1101</v>
      </c>
    </row>
    <row r="12" spans="1:14" s="1" customFormat="1" ht="15" customHeight="1" x14ac:dyDescent="0.15">
      <c r="B12" s="19" t="s">
        <v>1603</v>
      </c>
      <c r="C12" s="19" t="s">
        <v>1080</v>
      </c>
      <c r="D12" s="19" t="s">
        <v>1080</v>
      </c>
      <c r="E12" s="19" t="s">
        <v>1081</v>
      </c>
      <c r="F12" s="19" t="s">
        <v>1434</v>
      </c>
      <c r="G12" s="19" t="s">
        <v>28</v>
      </c>
      <c r="H12" s="19" t="s">
        <v>28</v>
      </c>
      <c r="I12" s="19" t="s">
        <v>1091</v>
      </c>
      <c r="J12" s="19" t="s">
        <v>1237</v>
      </c>
      <c r="K12" s="19" t="s">
        <v>1085</v>
      </c>
      <c r="L12" s="19" t="s">
        <v>1086</v>
      </c>
      <c r="M12" s="19" t="s">
        <v>1087</v>
      </c>
      <c r="N12" s="19" t="s">
        <v>1101</v>
      </c>
    </row>
    <row r="13" spans="1:14" s="1" customFormat="1" ht="15" customHeight="1" x14ac:dyDescent="0.15">
      <c r="B13" s="19" t="s">
        <v>1604</v>
      </c>
      <c r="C13" s="19" t="s">
        <v>1080</v>
      </c>
      <c r="D13" s="19" t="s">
        <v>1080</v>
      </c>
      <c r="E13" s="19" t="s">
        <v>1081</v>
      </c>
      <c r="F13" s="19" t="s">
        <v>1434</v>
      </c>
      <c r="G13" s="19" t="s">
        <v>28</v>
      </c>
      <c r="H13" s="19" t="s">
        <v>28</v>
      </c>
      <c r="I13" s="19" t="s">
        <v>1091</v>
      </c>
      <c r="J13" s="19" t="s">
        <v>1237</v>
      </c>
      <c r="K13" s="19" t="s">
        <v>1085</v>
      </c>
      <c r="L13" s="19" t="s">
        <v>1086</v>
      </c>
      <c r="M13" s="19" t="s">
        <v>1087</v>
      </c>
      <c r="N13" s="19" t="s">
        <v>1101</v>
      </c>
    </row>
    <row r="15" spans="1:14" s="1" customFormat="1" ht="15" customHeight="1" x14ac:dyDescent="0.15">
      <c r="A15" s="16" t="s">
        <v>1178</v>
      </c>
      <c r="B15" s="17" t="s">
        <v>1066</v>
      </c>
      <c r="C15" s="17" t="s">
        <v>1067</v>
      </c>
      <c r="D15" s="17" t="s">
        <v>1068</v>
      </c>
      <c r="E15" s="17" t="s">
        <v>1069</v>
      </c>
      <c r="F15" s="17" t="s">
        <v>1070</v>
      </c>
      <c r="G15" s="17" t="s">
        <v>1071</v>
      </c>
      <c r="H15" s="17" t="s">
        <v>1072</v>
      </c>
      <c r="I15" s="17" t="s">
        <v>1179</v>
      </c>
      <c r="J15" s="18" t="s">
        <v>1078</v>
      </c>
    </row>
    <row r="16" spans="1:14" s="1" customFormat="1" ht="15" customHeight="1" x14ac:dyDescent="0.15">
      <c r="B16" s="19"/>
      <c r="C16" s="19"/>
      <c r="D16" s="19"/>
      <c r="E16" s="19"/>
      <c r="F16" s="19"/>
      <c r="G16" s="19"/>
      <c r="H16" s="19"/>
      <c r="I16" s="19"/>
      <c r="J16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60F46B-2033-4EE1-96A5-A7FCA94704C4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7" sqref="E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93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93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3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3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3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3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605</v>
      </c>
      <c r="C14" s="19" t="s">
        <v>1180</v>
      </c>
      <c r="D14" s="19" t="s">
        <v>1180</v>
      </c>
      <c r="E14" s="19" t="s">
        <v>1081</v>
      </c>
      <c r="F14" s="19" t="s">
        <v>1606</v>
      </c>
      <c r="G14" s="19" t="s">
        <v>28</v>
      </c>
      <c r="H14" s="19" t="s">
        <v>28</v>
      </c>
      <c r="I14" s="19" t="s">
        <v>1607</v>
      </c>
      <c r="J14" s="19" t="s">
        <v>28</v>
      </c>
    </row>
    <row r="15" spans="1:14" s="1" customFormat="1" ht="15" customHeight="1" x14ac:dyDescent="0.15">
      <c r="B15" s="19" t="s">
        <v>1608</v>
      </c>
      <c r="C15" s="19" t="s">
        <v>1180</v>
      </c>
      <c r="D15" s="19" t="s">
        <v>1180</v>
      </c>
      <c r="E15" s="19" t="s">
        <v>1081</v>
      </c>
      <c r="F15" s="19" t="s">
        <v>1609</v>
      </c>
      <c r="G15" s="19" t="s">
        <v>28</v>
      </c>
      <c r="H15" s="19" t="s">
        <v>28</v>
      </c>
      <c r="I15" s="19" t="s">
        <v>1607</v>
      </c>
      <c r="J15" s="19" t="s">
        <v>28</v>
      </c>
    </row>
    <row r="16" spans="1:14" s="1" customFormat="1" ht="15" customHeight="1" x14ac:dyDescent="0.15">
      <c r="B16" s="19" t="s">
        <v>1610</v>
      </c>
      <c r="C16" s="19" t="s">
        <v>1180</v>
      </c>
      <c r="D16" s="19" t="s">
        <v>1180</v>
      </c>
      <c r="E16" s="19" t="s">
        <v>1081</v>
      </c>
      <c r="F16" s="19" t="s">
        <v>1611</v>
      </c>
      <c r="G16" s="19" t="s">
        <v>28</v>
      </c>
      <c r="H16" s="19" t="s">
        <v>28</v>
      </c>
      <c r="I16" s="19" t="s">
        <v>1607</v>
      </c>
      <c r="J16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00AAAA-9CA2-4968-9882-4DDEB2321655}">
  <sheetPr>
    <pageSetUpPr fitToPage="1"/>
  </sheetPr>
  <dimension ref="A2:N1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4" sqref="D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94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94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3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4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4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4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612</v>
      </c>
      <c r="C11" s="19" t="s">
        <v>1180</v>
      </c>
      <c r="D11" s="19" t="s">
        <v>1180</v>
      </c>
      <c r="E11" s="19" t="s">
        <v>1081</v>
      </c>
      <c r="F11" s="19" t="s">
        <v>1613</v>
      </c>
      <c r="G11" s="19" t="s">
        <v>28</v>
      </c>
      <c r="H11" s="19" t="s">
        <v>28</v>
      </c>
      <c r="I11" s="19" t="s">
        <v>1113</v>
      </c>
      <c r="J11" s="19" t="s">
        <v>1237</v>
      </c>
      <c r="K11" s="19" t="s">
        <v>1085</v>
      </c>
      <c r="L11" s="19" t="s">
        <v>1086</v>
      </c>
      <c r="M11" s="19" t="s">
        <v>1087</v>
      </c>
      <c r="N11" s="19" t="s">
        <v>1614</v>
      </c>
    </row>
    <row r="12" spans="1:14" s="1" customFormat="1" ht="15" customHeight="1" x14ac:dyDescent="0.15">
      <c r="B12" s="19" t="s">
        <v>1615</v>
      </c>
      <c r="C12" s="19" t="s">
        <v>1180</v>
      </c>
      <c r="D12" s="19" t="s">
        <v>1180</v>
      </c>
      <c r="E12" s="19" t="s">
        <v>1081</v>
      </c>
      <c r="F12" s="19" t="s">
        <v>1616</v>
      </c>
      <c r="G12" s="19" t="s">
        <v>28</v>
      </c>
      <c r="H12" s="19" t="s">
        <v>28</v>
      </c>
      <c r="I12" s="19" t="s">
        <v>1122</v>
      </c>
      <c r="J12" s="19" t="s">
        <v>1237</v>
      </c>
      <c r="K12" s="19" t="s">
        <v>1085</v>
      </c>
      <c r="L12" s="19" t="s">
        <v>1086</v>
      </c>
      <c r="M12" s="19" t="s">
        <v>1087</v>
      </c>
      <c r="N12" s="19" t="s">
        <v>1614</v>
      </c>
    </row>
    <row r="13" spans="1:14" s="1" customFormat="1" ht="15" customHeight="1" x14ac:dyDescent="0.15">
      <c r="B13" s="19" t="s">
        <v>1617</v>
      </c>
      <c r="C13" s="19" t="s">
        <v>1080</v>
      </c>
      <c r="D13" s="19" t="s">
        <v>1080</v>
      </c>
      <c r="E13" s="19" t="s">
        <v>1081</v>
      </c>
      <c r="F13" s="19" t="s">
        <v>1531</v>
      </c>
      <c r="G13" s="19" t="s">
        <v>28</v>
      </c>
      <c r="H13" s="19" t="s">
        <v>28</v>
      </c>
      <c r="I13" s="19" t="s">
        <v>1122</v>
      </c>
      <c r="J13" s="19" t="s">
        <v>1237</v>
      </c>
      <c r="K13" s="19" t="s">
        <v>1085</v>
      </c>
      <c r="L13" s="19" t="s">
        <v>1086</v>
      </c>
      <c r="M13" s="19" t="s">
        <v>1087</v>
      </c>
      <c r="N13" s="19" t="s">
        <v>1618</v>
      </c>
    </row>
    <row r="14" spans="1:14" s="1" customFormat="1" ht="15" customHeight="1" x14ac:dyDescent="0.15">
      <c r="B14" s="19" t="s">
        <v>1619</v>
      </c>
      <c r="C14" s="19" t="s">
        <v>1180</v>
      </c>
      <c r="D14" s="19" t="s">
        <v>1180</v>
      </c>
      <c r="E14" s="19" t="s">
        <v>1081</v>
      </c>
      <c r="F14" s="19" t="s">
        <v>1620</v>
      </c>
      <c r="G14" s="19" t="s">
        <v>28</v>
      </c>
      <c r="H14" s="19" t="s">
        <v>28</v>
      </c>
      <c r="I14" s="19" t="s">
        <v>1186</v>
      </c>
      <c r="J14" s="19" t="s">
        <v>1237</v>
      </c>
      <c r="K14" s="19" t="s">
        <v>1085</v>
      </c>
      <c r="L14" s="19" t="s">
        <v>1086</v>
      </c>
      <c r="M14" s="19" t="s">
        <v>1087</v>
      </c>
      <c r="N14" s="19" t="s">
        <v>1621</v>
      </c>
    </row>
    <row r="16" spans="1:14" s="1" customFormat="1" ht="15" customHeight="1" x14ac:dyDescent="0.15">
      <c r="A16" s="16" t="s">
        <v>1178</v>
      </c>
      <c r="B16" s="17" t="s">
        <v>1066</v>
      </c>
      <c r="C16" s="17" t="s">
        <v>1067</v>
      </c>
      <c r="D16" s="17" t="s">
        <v>1068</v>
      </c>
      <c r="E16" s="17" t="s">
        <v>1069</v>
      </c>
      <c r="F16" s="17" t="s">
        <v>1070</v>
      </c>
      <c r="G16" s="17" t="s">
        <v>1071</v>
      </c>
      <c r="H16" s="17" t="s">
        <v>1072</v>
      </c>
      <c r="I16" s="17" t="s">
        <v>1179</v>
      </c>
      <c r="J16" s="18" t="s">
        <v>1078</v>
      </c>
    </row>
    <row r="17" spans="2:10" s="1" customFormat="1" ht="15" customHeight="1" x14ac:dyDescent="0.15">
      <c r="B17" s="19"/>
      <c r="C17" s="19"/>
      <c r="D17" s="19"/>
      <c r="E17" s="19"/>
      <c r="F17" s="19"/>
      <c r="G17" s="19"/>
      <c r="H17" s="19"/>
      <c r="I17" s="19"/>
      <c r="J17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B46B4BE-3927-4CCB-A928-863B07E7500C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4" sqref="C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95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95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5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5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5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7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622</v>
      </c>
      <c r="C14" s="19" t="s">
        <v>1080</v>
      </c>
      <c r="D14" s="19" t="s">
        <v>1080</v>
      </c>
      <c r="E14" s="19" t="s">
        <v>1081</v>
      </c>
      <c r="F14" s="19" t="s">
        <v>1623</v>
      </c>
      <c r="G14" s="19" t="s">
        <v>28</v>
      </c>
      <c r="H14" s="19" t="s">
        <v>28</v>
      </c>
      <c r="I14" s="19" t="s">
        <v>1624</v>
      </c>
      <c r="J14" s="19" t="s">
        <v>1625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3D257C5-434D-431A-A1E5-13015FF4BD1D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3" sqref="E3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95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95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5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5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5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5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626</v>
      </c>
      <c r="C14" s="19" t="s">
        <v>1180</v>
      </c>
      <c r="D14" s="19" t="s">
        <v>1180</v>
      </c>
      <c r="E14" s="19" t="s">
        <v>1081</v>
      </c>
      <c r="F14" s="19" t="s">
        <v>1192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EFC152-31B5-4C30-BAE5-E14B07894D7E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0" sqref="C2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96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96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5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6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5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28</v>
      </c>
      <c r="C14" s="19" t="s">
        <v>1180</v>
      </c>
      <c r="D14" s="19" t="s">
        <v>1180</v>
      </c>
      <c r="E14" s="19" t="s">
        <v>1081</v>
      </c>
      <c r="F14" s="19" t="s">
        <v>1190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AB33D2-E857-4347-8FC5-D032653FBA7E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2" sqref="D2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97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97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5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7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7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7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CB47D11-725B-47E0-A688-EE2B042A9FF3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0" sqref="C2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97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98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5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8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8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8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82426E5-8D36-4C33-BCC0-F7461F8663CD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3" sqref="D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2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2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2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2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2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DE8586-D41D-4966-AC70-DEC4EF8ABA0F}">
  <sheetPr>
    <pageSetUpPr fitToPage="1"/>
  </sheetPr>
  <dimension ref="A2:N20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G33" sqref="G3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99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99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9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9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9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9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627</v>
      </c>
      <c r="C14" s="19" t="s">
        <v>1080</v>
      </c>
      <c r="D14" s="19" t="s">
        <v>1080</v>
      </c>
      <c r="E14" s="19" t="s">
        <v>1081</v>
      </c>
      <c r="F14" s="19" t="s">
        <v>1628</v>
      </c>
      <c r="G14" s="19" t="s">
        <v>28</v>
      </c>
      <c r="H14" s="19" t="s">
        <v>28</v>
      </c>
      <c r="I14" s="19" t="s">
        <v>1629</v>
      </c>
      <c r="J14" s="19" t="s">
        <v>1630</v>
      </c>
    </row>
    <row r="15" spans="1:14" s="1" customFormat="1" ht="15" customHeight="1" x14ac:dyDescent="0.15">
      <c r="B15" s="19" t="s">
        <v>1417</v>
      </c>
      <c r="C15" s="19" t="s">
        <v>1080</v>
      </c>
      <c r="D15" s="19" t="s">
        <v>1080</v>
      </c>
      <c r="E15" s="19" t="s">
        <v>1081</v>
      </c>
      <c r="F15" s="19" t="s">
        <v>1628</v>
      </c>
      <c r="G15" s="19" t="s">
        <v>28</v>
      </c>
      <c r="H15" s="19" t="s">
        <v>28</v>
      </c>
      <c r="I15" s="19" t="s">
        <v>1629</v>
      </c>
      <c r="J15" s="19" t="s">
        <v>1630</v>
      </c>
    </row>
    <row r="16" spans="1:14" s="1" customFormat="1" ht="15" customHeight="1" x14ac:dyDescent="0.15">
      <c r="B16" s="19" t="s">
        <v>1631</v>
      </c>
      <c r="C16" s="19" t="s">
        <v>1080</v>
      </c>
      <c r="D16" s="19" t="s">
        <v>1080</v>
      </c>
      <c r="E16" s="19" t="s">
        <v>1081</v>
      </c>
      <c r="F16" s="19" t="s">
        <v>1632</v>
      </c>
      <c r="G16" s="19" t="s">
        <v>28</v>
      </c>
      <c r="H16" s="19" t="s">
        <v>28</v>
      </c>
      <c r="I16" s="19" t="s">
        <v>1629</v>
      </c>
      <c r="J16" s="19" t="s">
        <v>1630</v>
      </c>
    </row>
    <row r="17" spans="2:10" s="1" customFormat="1" ht="15" customHeight="1" x14ac:dyDescent="0.15">
      <c r="B17" s="19" t="s">
        <v>1633</v>
      </c>
      <c r="C17" s="19" t="s">
        <v>1080</v>
      </c>
      <c r="D17" s="19" t="s">
        <v>1080</v>
      </c>
      <c r="E17" s="19" t="s">
        <v>1081</v>
      </c>
      <c r="F17" s="19" t="s">
        <v>1634</v>
      </c>
      <c r="G17" s="19" t="s">
        <v>28</v>
      </c>
      <c r="H17" s="19" t="s">
        <v>28</v>
      </c>
      <c r="I17" s="19" t="s">
        <v>1629</v>
      </c>
      <c r="J17" s="19" t="s">
        <v>1630</v>
      </c>
    </row>
    <row r="18" spans="2:10" s="1" customFormat="1" ht="15" customHeight="1" x14ac:dyDescent="0.15">
      <c r="B18" s="19" t="s">
        <v>1635</v>
      </c>
      <c r="C18" s="19" t="s">
        <v>1103</v>
      </c>
      <c r="D18" s="19" t="s">
        <v>1103</v>
      </c>
      <c r="E18" s="19" t="s">
        <v>1081</v>
      </c>
      <c r="F18" s="19" t="s">
        <v>1636</v>
      </c>
      <c r="G18" s="19" t="s">
        <v>28</v>
      </c>
      <c r="H18" s="19" t="s">
        <v>28</v>
      </c>
      <c r="I18" s="19" t="s">
        <v>1629</v>
      </c>
      <c r="J18" s="19" t="s">
        <v>1630</v>
      </c>
    </row>
    <row r="19" spans="2:10" s="1" customFormat="1" ht="15" customHeight="1" x14ac:dyDescent="0.15">
      <c r="B19" s="19" t="s">
        <v>1637</v>
      </c>
      <c r="C19" s="19" t="s">
        <v>1103</v>
      </c>
      <c r="D19" s="19" t="s">
        <v>1103</v>
      </c>
      <c r="E19" s="19" t="s">
        <v>1081</v>
      </c>
      <c r="F19" s="19" t="s">
        <v>1638</v>
      </c>
      <c r="G19" s="19" t="s">
        <v>28</v>
      </c>
      <c r="H19" s="19" t="s">
        <v>28</v>
      </c>
      <c r="I19" s="19" t="s">
        <v>1629</v>
      </c>
      <c r="J19" s="19" t="s">
        <v>1630</v>
      </c>
    </row>
    <row r="20" spans="2:10" s="1" customFormat="1" ht="15" customHeight="1" x14ac:dyDescent="0.15">
      <c r="B20" s="19" t="s">
        <v>1639</v>
      </c>
      <c r="C20" s="19" t="s">
        <v>1103</v>
      </c>
      <c r="D20" s="19" t="s">
        <v>1103</v>
      </c>
      <c r="E20" s="19" t="s">
        <v>1081</v>
      </c>
      <c r="F20" s="19" t="s">
        <v>1555</v>
      </c>
      <c r="G20" s="19" t="s">
        <v>28</v>
      </c>
      <c r="H20" s="19" t="s">
        <v>28</v>
      </c>
      <c r="I20" s="19" t="s">
        <v>1629</v>
      </c>
      <c r="J20" s="19" t="s">
        <v>1630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0AED5BE-B120-4096-8D88-36CEDABE980D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F36" sqref="F3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00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00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9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00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0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0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3EF470D-DC6F-401A-B493-F2D43BE8AED0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5" sqref="D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01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01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9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01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1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CAF271-7F48-424B-9085-83823CBCB734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5" sqref="E3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01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01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9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01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1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7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640</v>
      </c>
      <c r="C14" s="19" t="s">
        <v>1180</v>
      </c>
      <c r="D14" s="19" t="s">
        <v>1180</v>
      </c>
      <c r="E14" s="19" t="s">
        <v>1081</v>
      </c>
      <c r="F14" s="19" t="s">
        <v>1641</v>
      </c>
      <c r="G14" s="19" t="s">
        <v>28</v>
      </c>
      <c r="H14" s="19" t="s">
        <v>28</v>
      </c>
      <c r="I14" s="19" t="s">
        <v>28</v>
      </c>
      <c r="J14" s="19" t="s">
        <v>1642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28738E3-A0EF-41A1-84AD-2EB2C32644A0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8" sqref="E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02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02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02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02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2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2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521</v>
      </c>
      <c r="C11" s="19" t="s">
        <v>1180</v>
      </c>
      <c r="D11" s="19" t="s">
        <v>1180</v>
      </c>
      <c r="E11" s="19" t="s">
        <v>1081</v>
      </c>
      <c r="F11" s="19" t="s">
        <v>1643</v>
      </c>
      <c r="G11" s="19" t="s">
        <v>28</v>
      </c>
      <c r="H11" s="19" t="s">
        <v>28</v>
      </c>
      <c r="I11" s="19" t="s">
        <v>1122</v>
      </c>
      <c r="J11" s="19" t="s">
        <v>28</v>
      </c>
      <c r="K11" s="19" t="s">
        <v>1644</v>
      </c>
      <c r="L11" s="19" t="s">
        <v>1201</v>
      </c>
      <c r="M11" s="19" t="s">
        <v>1223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645</v>
      </c>
      <c r="C14" s="19" t="s">
        <v>1180</v>
      </c>
      <c r="D14" s="19" t="s">
        <v>1180</v>
      </c>
      <c r="E14" s="19" t="s">
        <v>1081</v>
      </c>
      <c r="F14" s="19" t="s">
        <v>1646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05ACC2-A0B2-47C8-B9C8-67D5C304A9C7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5" sqref="D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03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03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02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03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2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3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F1440C-2964-4D77-85EB-D733C219A6A4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3" sqref="C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3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3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3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3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3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D61518-9865-49FC-9488-84ADA70B6002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K18" sqref="K1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4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4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4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4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2</v>
      </c>
      <c r="C11" s="19" t="s">
        <v>1180</v>
      </c>
      <c r="D11" s="19" t="s">
        <v>1180</v>
      </c>
      <c r="E11" s="19" t="s">
        <v>1081</v>
      </c>
      <c r="F11" s="19" t="s">
        <v>1193</v>
      </c>
      <c r="G11" s="19" t="s">
        <v>28</v>
      </c>
      <c r="H11" s="19" t="s">
        <v>28</v>
      </c>
      <c r="I11" s="19" t="s">
        <v>28</v>
      </c>
      <c r="J11" s="19"/>
      <c r="K11" s="19" t="s">
        <v>1085</v>
      </c>
      <c r="L11" s="19" t="s">
        <v>1086</v>
      </c>
      <c r="M11" s="19" t="s">
        <v>1087</v>
      </c>
      <c r="N11" s="19" t="s">
        <v>1650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1CA116-C866-461F-AD43-051037334B49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5" sqref="B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4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4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4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4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4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94</v>
      </c>
      <c r="C11" s="19" t="s">
        <v>1080</v>
      </c>
      <c r="D11" s="19" t="s">
        <v>1080</v>
      </c>
      <c r="E11" s="19" t="s">
        <v>1081</v>
      </c>
      <c r="F11" s="19" t="s">
        <v>1195</v>
      </c>
      <c r="G11" s="19" t="s">
        <v>28</v>
      </c>
      <c r="H11" s="19" t="s">
        <v>28</v>
      </c>
      <c r="I11" s="19" t="s">
        <v>1196</v>
      </c>
      <c r="J11" s="19" t="s">
        <v>1197</v>
      </c>
      <c r="K11" s="19" t="s">
        <v>1085</v>
      </c>
      <c r="L11" s="19" t="s">
        <v>1086</v>
      </c>
      <c r="M11" s="19" t="s">
        <v>1087</v>
      </c>
      <c r="N11" s="19" t="s">
        <v>1101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F334A7-1BC3-4297-B196-02611DEA2919}">
  <sheetPr>
    <pageSetUpPr fitToPage="1"/>
  </sheetPr>
  <dimension ref="A2:N22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8" sqref="D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5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5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5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5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5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34</v>
      </c>
      <c r="C11" s="19" t="s">
        <v>1080</v>
      </c>
      <c r="D11" s="19" t="s">
        <v>1080</v>
      </c>
      <c r="E11" s="19" t="s">
        <v>1198</v>
      </c>
      <c r="F11" s="19" t="s">
        <v>1199</v>
      </c>
      <c r="G11" s="19" t="s">
        <v>28</v>
      </c>
      <c r="H11" s="19" t="s">
        <v>28</v>
      </c>
      <c r="I11" s="19" t="s">
        <v>1200</v>
      </c>
      <c r="J11" s="19" t="s">
        <v>28</v>
      </c>
      <c r="K11" s="19" t="s">
        <v>1085</v>
      </c>
      <c r="L11" s="19" t="s">
        <v>1201</v>
      </c>
      <c r="M11" s="19" t="s">
        <v>1087</v>
      </c>
      <c r="N11" s="19" t="s">
        <v>1101</v>
      </c>
    </row>
    <row r="12" spans="1:14" s="1" customFormat="1" ht="15" customHeight="1" x14ac:dyDescent="0.15">
      <c r="B12" s="19" t="s">
        <v>1136</v>
      </c>
      <c r="C12" s="19" t="s">
        <v>1080</v>
      </c>
      <c r="D12" s="19" t="s">
        <v>1080</v>
      </c>
      <c r="E12" s="19" t="s">
        <v>1081</v>
      </c>
      <c r="F12" s="19" t="s">
        <v>1202</v>
      </c>
      <c r="G12" s="19" t="s">
        <v>28</v>
      </c>
      <c r="H12" s="19" t="s">
        <v>28</v>
      </c>
      <c r="I12" s="19" t="s">
        <v>1203</v>
      </c>
      <c r="J12" s="19" t="s">
        <v>1084</v>
      </c>
      <c r="K12" s="19" t="s">
        <v>1085</v>
      </c>
      <c r="L12" s="19" t="s">
        <v>1201</v>
      </c>
      <c r="M12" s="19" t="s">
        <v>1087</v>
      </c>
      <c r="N12" s="19" t="s">
        <v>1101</v>
      </c>
    </row>
    <row r="13" spans="1:14" s="1" customFormat="1" ht="15" customHeight="1" x14ac:dyDescent="0.15">
      <c r="B13" s="19" t="s">
        <v>1137</v>
      </c>
      <c r="C13" s="19" t="s">
        <v>1080</v>
      </c>
      <c r="D13" s="19" t="s">
        <v>1080</v>
      </c>
      <c r="E13" s="19" t="s">
        <v>1081</v>
      </c>
      <c r="F13" s="19" t="s">
        <v>1204</v>
      </c>
      <c r="G13" s="19" t="s">
        <v>28</v>
      </c>
      <c r="H13" s="19" t="s">
        <v>28</v>
      </c>
      <c r="I13" s="19" t="s">
        <v>1205</v>
      </c>
      <c r="J13" s="19" t="s">
        <v>1084</v>
      </c>
      <c r="K13" s="19" t="s">
        <v>1085</v>
      </c>
      <c r="L13" s="19" t="s">
        <v>1201</v>
      </c>
      <c r="M13" s="19" t="s">
        <v>1087</v>
      </c>
      <c r="N13" s="19" t="s">
        <v>1101</v>
      </c>
    </row>
    <row r="14" spans="1:14" s="1" customFormat="1" ht="15" customHeight="1" x14ac:dyDescent="0.15">
      <c r="B14" s="19" t="s">
        <v>1138</v>
      </c>
      <c r="C14" s="19" t="s">
        <v>1080</v>
      </c>
      <c r="D14" s="19" t="s">
        <v>1080</v>
      </c>
      <c r="E14" s="19" t="s">
        <v>1198</v>
      </c>
      <c r="F14" s="19" t="s">
        <v>1206</v>
      </c>
      <c r="G14" s="19" t="s">
        <v>28</v>
      </c>
      <c r="H14" s="19" t="s">
        <v>28</v>
      </c>
      <c r="I14" s="19" t="s">
        <v>1203</v>
      </c>
      <c r="J14" s="19" t="s">
        <v>1084</v>
      </c>
      <c r="K14" s="19" t="s">
        <v>1085</v>
      </c>
      <c r="L14" s="19" t="s">
        <v>1201</v>
      </c>
      <c r="M14" s="19" t="s">
        <v>1087</v>
      </c>
      <c r="N14" s="19" t="s">
        <v>1101</v>
      </c>
    </row>
    <row r="15" spans="1:14" s="1" customFormat="1" ht="15" customHeight="1" x14ac:dyDescent="0.15">
      <c r="B15" s="19" t="s">
        <v>1140</v>
      </c>
      <c r="C15" s="19" t="s">
        <v>1080</v>
      </c>
      <c r="D15" s="19" t="s">
        <v>1080</v>
      </c>
      <c r="E15" s="19" t="s">
        <v>1207</v>
      </c>
      <c r="F15" s="19" t="s">
        <v>1100</v>
      </c>
      <c r="G15" s="19" t="s">
        <v>28</v>
      </c>
      <c r="H15" s="19" t="s">
        <v>28</v>
      </c>
      <c r="I15" s="19" t="s">
        <v>1208</v>
      </c>
      <c r="J15" s="19" t="s">
        <v>1084</v>
      </c>
      <c r="K15" s="19" t="s">
        <v>1085</v>
      </c>
      <c r="L15" s="19" t="s">
        <v>1201</v>
      </c>
      <c r="M15" s="19" t="s">
        <v>1087</v>
      </c>
      <c r="N15" s="19" t="s">
        <v>1101</v>
      </c>
    </row>
    <row r="16" spans="1:14" s="1" customFormat="1" ht="15" customHeight="1" x14ac:dyDescent="0.15">
      <c r="B16" s="19" t="s">
        <v>1141</v>
      </c>
      <c r="C16" s="19" t="s">
        <v>1080</v>
      </c>
      <c r="D16" s="19" t="s">
        <v>1080</v>
      </c>
      <c r="E16" s="19" t="s">
        <v>1081</v>
      </c>
      <c r="F16" s="19" t="s">
        <v>1154</v>
      </c>
      <c r="G16" s="19" t="s">
        <v>28</v>
      </c>
      <c r="H16" s="19" t="s">
        <v>28</v>
      </c>
      <c r="I16" s="19" t="s">
        <v>1209</v>
      </c>
      <c r="J16" s="19" t="s">
        <v>1084</v>
      </c>
      <c r="K16" s="19" t="s">
        <v>1085</v>
      </c>
      <c r="L16" s="19" t="s">
        <v>1201</v>
      </c>
      <c r="M16" s="19" t="s">
        <v>1087</v>
      </c>
      <c r="N16" s="19" t="s">
        <v>1101</v>
      </c>
    </row>
    <row r="17" spans="1:14" s="1" customFormat="1" ht="15" customHeight="1" x14ac:dyDescent="0.15">
      <c r="B17" s="19" t="s">
        <v>1142</v>
      </c>
      <c r="C17" s="19" t="s">
        <v>1080</v>
      </c>
      <c r="D17" s="19" t="s">
        <v>1080</v>
      </c>
      <c r="E17" s="19" t="s">
        <v>1081</v>
      </c>
      <c r="F17" s="19" t="s">
        <v>1210</v>
      </c>
      <c r="G17" s="19" t="s">
        <v>28</v>
      </c>
      <c r="H17" s="19" t="s">
        <v>28</v>
      </c>
      <c r="I17" s="19" t="s">
        <v>1211</v>
      </c>
      <c r="J17" s="19" t="s">
        <v>1084</v>
      </c>
      <c r="K17" s="19" t="s">
        <v>1085</v>
      </c>
      <c r="L17" s="19" t="s">
        <v>1201</v>
      </c>
      <c r="M17" s="19" t="s">
        <v>1087</v>
      </c>
      <c r="N17" s="19" t="s">
        <v>1101</v>
      </c>
    </row>
    <row r="18" spans="1:14" s="1" customFormat="1" ht="15" customHeight="1" x14ac:dyDescent="0.15">
      <c r="B18" s="19" t="s">
        <v>1143</v>
      </c>
      <c r="C18" s="19" t="s">
        <v>1080</v>
      </c>
      <c r="D18" s="19" t="s">
        <v>1080</v>
      </c>
      <c r="E18" s="19" t="s">
        <v>1198</v>
      </c>
      <c r="F18" s="19" t="s">
        <v>1112</v>
      </c>
      <c r="G18" s="19" t="s">
        <v>28</v>
      </c>
      <c r="H18" s="19" t="s">
        <v>28</v>
      </c>
      <c r="I18" s="19" t="s">
        <v>1212</v>
      </c>
      <c r="J18" s="19" t="s">
        <v>1084</v>
      </c>
      <c r="K18" s="19" t="s">
        <v>1085</v>
      </c>
      <c r="L18" s="19" t="s">
        <v>1201</v>
      </c>
      <c r="M18" s="19" t="s">
        <v>1087</v>
      </c>
      <c r="N18" s="19" t="s">
        <v>1101</v>
      </c>
    </row>
    <row r="19" spans="1:14" s="1" customFormat="1" ht="15" customHeight="1" x14ac:dyDescent="0.15">
      <c r="B19" s="19" t="s">
        <v>1144</v>
      </c>
      <c r="C19" s="19" t="s">
        <v>1080</v>
      </c>
      <c r="D19" s="19" t="s">
        <v>1080</v>
      </c>
      <c r="E19" s="19" t="s">
        <v>1198</v>
      </c>
      <c r="F19" s="19" t="s">
        <v>1213</v>
      </c>
      <c r="G19" s="19" t="s">
        <v>28</v>
      </c>
      <c r="H19" s="19" t="s">
        <v>28</v>
      </c>
      <c r="I19" s="19" t="s">
        <v>1209</v>
      </c>
      <c r="J19" s="19" t="s">
        <v>1084</v>
      </c>
      <c r="K19" s="19" t="s">
        <v>1085</v>
      </c>
      <c r="L19" s="19" t="s">
        <v>1201</v>
      </c>
      <c r="M19" s="19" t="s">
        <v>1087</v>
      </c>
      <c r="N19" s="19" t="s">
        <v>1101</v>
      </c>
    </row>
    <row r="21" spans="1:14" s="1" customFormat="1" ht="15" customHeight="1" x14ac:dyDescent="0.15">
      <c r="A21" s="16" t="s">
        <v>1178</v>
      </c>
      <c r="B21" s="17" t="s">
        <v>1066</v>
      </c>
      <c r="C21" s="17" t="s">
        <v>1067</v>
      </c>
      <c r="D21" s="17" t="s">
        <v>1068</v>
      </c>
      <c r="E21" s="17" t="s">
        <v>1069</v>
      </c>
      <c r="F21" s="17" t="s">
        <v>1070</v>
      </c>
      <c r="G21" s="17" t="s">
        <v>1071</v>
      </c>
      <c r="H21" s="17" t="s">
        <v>1072</v>
      </c>
      <c r="I21" s="17" t="s">
        <v>1179</v>
      </c>
      <c r="J21" s="18" t="s">
        <v>1078</v>
      </c>
    </row>
    <row r="22" spans="1:14" s="1" customFormat="1" ht="15" customHeight="1" x14ac:dyDescent="0.15">
      <c r="B22" s="19"/>
      <c r="C22" s="19"/>
      <c r="D22" s="19"/>
      <c r="E22" s="19"/>
      <c r="F22" s="19"/>
      <c r="G22" s="19"/>
      <c r="H22" s="19"/>
      <c r="I22" s="19"/>
      <c r="J22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7EDCE7-1943-4609-B7E9-59C8E4FD9FC7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4" sqref="C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6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6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6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6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03DDB4-A5A4-474E-AF50-6152675C216E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1" sqref="E2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7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7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7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7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7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34</v>
      </c>
      <c r="C11" s="19" t="s">
        <v>1180</v>
      </c>
      <c r="D11" s="19" t="s">
        <v>1180</v>
      </c>
      <c r="E11" s="19" t="s">
        <v>1081</v>
      </c>
      <c r="F11" s="19" t="s">
        <v>1214</v>
      </c>
      <c r="G11" s="19" t="s">
        <v>1215</v>
      </c>
      <c r="H11" s="19" t="s">
        <v>28</v>
      </c>
      <c r="I11" s="19" t="s">
        <v>1216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1651</v>
      </c>
    </row>
    <row r="12" spans="1:14" s="1" customFormat="1" ht="15" customHeight="1" x14ac:dyDescent="0.15">
      <c r="B12" s="19" t="s">
        <v>1136</v>
      </c>
      <c r="C12" s="19" t="s">
        <v>1130</v>
      </c>
      <c r="D12" s="19" t="s">
        <v>1130</v>
      </c>
      <c r="E12" s="19" t="s">
        <v>1081</v>
      </c>
      <c r="F12" s="19" t="s">
        <v>1217</v>
      </c>
      <c r="G12" s="19" t="s">
        <v>28</v>
      </c>
      <c r="H12" s="19" t="s">
        <v>28</v>
      </c>
      <c r="I12" s="19" t="s">
        <v>1218</v>
      </c>
      <c r="J12" s="19" t="s">
        <v>28</v>
      </c>
      <c r="K12" s="19" t="s">
        <v>1085</v>
      </c>
      <c r="L12" s="19" t="s">
        <v>1086</v>
      </c>
      <c r="M12" s="19" t="s">
        <v>1087</v>
      </c>
      <c r="N12" s="19" t="s">
        <v>1101</v>
      </c>
    </row>
    <row r="14" spans="1:14" s="1" customFormat="1" ht="15" customHeight="1" x14ac:dyDescent="0.15">
      <c r="A14" s="16" t="s">
        <v>1178</v>
      </c>
      <c r="B14" s="17" t="s">
        <v>1066</v>
      </c>
      <c r="C14" s="17" t="s">
        <v>1067</v>
      </c>
      <c r="D14" s="17" t="s">
        <v>1068</v>
      </c>
      <c r="E14" s="17" t="s">
        <v>1069</v>
      </c>
      <c r="F14" s="17" t="s">
        <v>1070</v>
      </c>
      <c r="G14" s="17" t="s">
        <v>1071</v>
      </c>
      <c r="H14" s="17" t="s">
        <v>1072</v>
      </c>
      <c r="I14" s="17" t="s">
        <v>1179</v>
      </c>
      <c r="J14" s="18" t="s">
        <v>1078</v>
      </c>
    </row>
    <row r="15" spans="1:14" s="1" customFormat="1" ht="15" customHeight="1" x14ac:dyDescent="0.15">
      <c r="B15" s="19"/>
      <c r="C15" s="19"/>
      <c r="D15" s="19"/>
      <c r="E15" s="19"/>
      <c r="F15" s="19"/>
      <c r="G15" s="19"/>
      <c r="H15" s="19"/>
      <c r="I15" s="19"/>
      <c r="J15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21E2F1-12C4-4BF0-BF67-182E580365EC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J27" sqref="J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7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7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8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8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8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11</v>
      </c>
      <c r="C11" s="19" t="s">
        <v>1130</v>
      </c>
      <c r="D11" s="19" t="s">
        <v>1130</v>
      </c>
      <c r="E11" s="19" t="s">
        <v>1081</v>
      </c>
      <c r="F11" s="19" t="s">
        <v>1219</v>
      </c>
      <c r="G11" s="19" t="s">
        <v>28</v>
      </c>
      <c r="H11" s="19" t="s">
        <v>28</v>
      </c>
      <c r="I11" s="19" t="s">
        <v>1091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1652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8440C0-387A-4B66-9D32-EE8C93FC37FD}">
  <sheetPr>
    <pageSetUpPr fitToPage="1"/>
  </sheetPr>
  <dimension ref="A2:N63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K4" sqref="K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2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079</v>
      </c>
      <c r="C11" s="19" t="s">
        <v>1080</v>
      </c>
      <c r="D11" s="19" t="s">
        <v>1080</v>
      </c>
      <c r="E11" s="19" t="s">
        <v>1081</v>
      </c>
      <c r="F11" s="19" t="s">
        <v>1082</v>
      </c>
      <c r="G11" s="19" t="s">
        <v>28</v>
      </c>
      <c r="H11" s="19" t="s">
        <v>28</v>
      </c>
      <c r="I11" s="19" t="s">
        <v>1083</v>
      </c>
      <c r="J11" s="19" t="s">
        <v>1084</v>
      </c>
      <c r="K11" s="19" t="s">
        <v>1085</v>
      </c>
      <c r="L11" s="19" t="s">
        <v>1086</v>
      </c>
      <c r="M11" s="19" t="s">
        <v>1087</v>
      </c>
      <c r="N11" s="19" t="s">
        <v>1088</v>
      </c>
    </row>
    <row r="12" spans="1:14" s="1" customFormat="1" ht="15" customHeight="1" x14ac:dyDescent="0.15">
      <c r="B12" s="19" t="s">
        <v>1089</v>
      </c>
      <c r="C12" s="19" t="s">
        <v>1080</v>
      </c>
      <c r="D12" s="19" t="s">
        <v>1080</v>
      </c>
      <c r="E12" s="19" t="s">
        <v>1081</v>
      </c>
      <c r="F12" s="19" t="s">
        <v>1090</v>
      </c>
      <c r="G12" s="19" t="s">
        <v>28</v>
      </c>
      <c r="H12" s="19" t="s">
        <v>28</v>
      </c>
      <c r="I12" s="19" t="s">
        <v>1091</v>
      </c>
      <c r="J12" s="19" t="s">
        <v>1084</v>
      </c>
      <c r="K12" s="19" t="s">
        <v>1085</v>
      </c>
      <c r="L12" s="19" t="s">
        <v>1086</v>
      </c>
      <c r="M12" s="19" t="s">
        <v>1087</v>
      </c>
      <c r="N12" s="19" t="s">
        <v>1088</v>
      </c>
    </row>
    <row r="13" spans="1:14" s="1" customFormat="1" ht="15" customHeight="1" x14ac:dyDescent="0.15">
      <c r="B13" s="19" t="s">
        <v>1092</v>
      </c>
      <c r="C13" s="19" t="s">
        <v>1080</v>
      </c>
      <c r="D13" s="19" t="s">
        <v>1080</v>
      </c>
      <c r="E13" s="19" t="s">
        <v>1081</v>
      </c>
      <c r="F13" s="19" t="s">
        <v>1090</v>
      </c>
      <c r="G13" s="19" t="s">
        <v>28</v>
      </c>
      <c r="H13" s="19" t="s">
        <v>28</v>
      </c>
      <c r="I13" s="19" t="s">
        <v>1091</v>
      </c>
      <c r="J13" s="19" t="s">
        <v>1084</v>
      </c>
      <c r="K13" s="19" t="s">
        <v>1085</v>
      </c>
      <c r="L13" s="19" t="s">
        <v>1086</v>
      </c>
      <c r="M13" s="19" t="s">
        <v>1087</v>
      </c>
      <c r="N13" s="19" t="s">
        <v>1093</v>
      </c>
    </row>
    <row r="14" spans="1:14" s="1" customFormat="1" ht="15" customHeight="1" x14ac:dyDescent="0.15">
      <c r="B14" s="19" t="s">
        <v>1094</v>
      </c>
      <c r="C14" s="19" t="s">
        <v>1080</v>
      </c>
      <c r="D14" s="19" t="s">
        <v>1080</v>
      </c>
      <c r="E14" s="19" t="s">
        <v>1081</v>
      </c>
      <c r="F14" s="19" t="s">
        <v>1090</v>
      </c>
      <c r="G14" s="19" t="s">
        <v>28</v>
      </c>
      <c r="H14" s="19" t="s">
        <v>28</v>
      </c>
      <c r="I14" s="19" t="s">
        <v>1091</v>
      </c>
      <c r="J14" s="19" t="s">
        <v>1084</v>
      </c>
      <c r="K14" s="19" t="s">
        <v>1085</v>
      </c>
      <c r="L14" s="19" t="s">
        <v>1086</v>
      </c>
      <c r="M14" s="19" t="s">
        <v>1087</v>
      </c>
      <c r="N14" s="19" t="s">
        <v>1093</v>
      </c>
    </row>
    <row r="15" spans="1:14" s="1" customFormat="1" ht="15" customHeight="1" x14ac:dyDescent="0.15">
      <c r="B15" s="19" t="s">
        <v>1095</v>
      </c>
      <c r="C15" s="19" t="s">
        <v>1080</v>
      </c>
      <c r="D15" s="19" t="s">
        <v>1080</v>
      </c>
      <c r="E15" s="19" t="s">
        <v>1081</v>
      </c>
      <c r="F15" s="19" t="s">
        <v>1090</v>
      </c>
      <c r="G15" s="19" t="s">
        <v>28</v>
      </c>
      <c r="H15" s="19" t="s">
        <v>28</v>
      </c>
      <c r="I15" s="19" t="s">
        <v>1091</v>
      </c>
      <c r="J15" s="19" t="s">
        <v>1084</v>
      </c>
      <c r="K15" s="19" t="s">
        <v>1085</v>
      </c>
      <c r="L15" s="19" t="s">
        <v>1086</v>
      </c>
      <c r="M15" s="19" t="s">
        <v>1087</v>
      </c>
      <c r="N15" s="19" t="s">
        <v>1096</v>
      </c>
    </row>
    <row r="16" spans="1:14" s="1" customFormat="1" ht="15" customHeight="1" x14ac:dyDescent="0.15">
      <c r="B16" s="19" t="s">
        <v>1097</v>
      </c>
      <c r="C16" s="19" t="s">
        <v>1098</v>
      </c>
      <c r="D16" s="19" t="s">
        <v>1099</v>
      </c>
      <c r="E16" s="19" t="s">
        <v>1081</v>
      </c>
      <c r="F16" s="19" t="s">
        <v>1100</v>
      </c>
      <c r="G16" s="19" t="s">
        <v>28</v>
      </c>
      <c r="H16" s="19" t="s">
        <v>28</v>
      </c>
      <c r="I16" s="19" t="s">
        <v>28</v>
      </c>
      <c r="J16" s="19" t="s">
        <v>1084</v>
      </c>
      <c r="K16" s="19" t="s">
        <v>1085</v>
      </c>
      <c r="L16" s="19" t="s">
        <v>1086</v>
      </c>
      <c r="M16" s="19" t="s">
        <v>1087</v>
      </c>
      <c r="N16" s="19" t="s">
        <v>1101</v>
      </c>
    </row>
    <row r="17" spans="2:14" s="1" customFormat="1" ht="15" customHeight="1" x14ac:dyDescent="0.15">
      <c r="B17" s="19" t="s">
        <v>1102</v>
      </c>
      <c r="C17" s="19" t="s">
        <v>1103</v>
      </c>
      <c r="D17" s="19" t="s">
        <v>1103</v>
      </c>
      <c r="E17" s="19" t="s">
        <v>1081</v>
      </c>
      <c r="F17" s="19" t="s">
        <v>1104</v>
      </c>
      <c r="G17" s="19" t="s">
        <v>28</v>
      </c>
      <c r="H17" s="19" t="s">
        <v>28</v>
      </c>
      <c r="I17" s="19" t="s">
        <v>1105</v>
      </c>
      <c r="J17" s="19" t="s">
        <v>1084</v>
      </c>
      <c r="K17" s="19" t="s">
        <v>1085</v>
      </c>
      <c r="L17" s="19" t="s">
        <v>1086</v>
      </c>
      <c r="M17" s="19" t="s">
        <v>1087</v>
      </c>
      <c r="N17" s="19" t="s">
        <v>1106</v>
      </c>
    </row>
    <row r="18" spans="2:14" s="1" customFormat="1" ht="15" customHeight="1" x14ac:dyDescent="0.15">
      <c r="B18" s="19" t="s">
        <v>1107</v>
      </c>
      <c r="C18" s="19" t="s">
        <v>1103</v>
      </c>
      <c r="D18" s="19" t="s">
        <v>1103</v>
      </c>
      <c r="E18" s="19" t="s">
        <v>1081</v>
      </c>
      <c r="F18" s="19" t="s">
        <v>1104</v>
      </c>
      <c r="G18" s="19" t="s">
        <v>28</v>
      </c>
      <c r="H18" s="19" t="s">
        <v>28</v>
      </c>
      <c r="I18" s="19" t="s">
        <v>1105</v>
      </c>
      <c r="J18" s="19" t="s">
        <v>1084</v>
      </c>
      <c r="K18" s="19" t="s">
        <v>1085</v>
      </c>
      <c r="L18" s="19" t="s">
        <v>1086</v>
      </c>
      <c r="M18" s="19" t="s">
        <v>1087</v>
      </c>
      <c r="N18" s="19" t="s">
        <v>1108</v>
      </c>
    </row>
    <row r="19" spans="2:14" s="1" customFormat="1" ht="15" customHeight="1" x14ac:dyDescent="0.15">
      <c r="B19" s="19" t="s">
        <v>1109</v>
      </c>
      <c r="C19" s="19" t="s">
        <v>112</v>
      </c>
      <c r="D19" s="19" t="s">
        <v>1099</v>
      </c>
      <c r="E19" s="19" t="s">
        <v>1081</v>
      </c>
      <c r="F19" s="19" t="s">
        <v>1110</v>
      </c>
      <c r="G19" s="19" t="s">
        <v>28</v>
      </c>
      <c r="H19" s="19" t="s">
        <v>28</v>
      </c>
      <c r="I19" s="19" t="s">
        <v>28</v>
      </c>
      <c r="J19" s="19" t="s">
        <v>1084</v>
      </c>
      <c r="K19" s="19" t="s">
        <v>1085</v>
      </c>
      <c r="L19" s="19" t="s">
        <v>1086</v>
      </c>
      <c r="M19" s="19" t="s">
        <v>1087</v>
      </c>
      <c r="N19" s="19" t="s">
        <v>1101</v>
      </c>
    </row>
    <row r="20" spans="2:14" s="1" customFormat="1" ht="15" customHeight="1" x14ac:dyDescent="0.15">
      <c r="B20" s="19" t="s">
        <v>1111</v>
      </c>
      <c r="C20" s="19" t="s">
        <v>1080</v>
      </c>
      <c r="D20" s="19" t="s">
        <v>1080</v>
      </c>
      <c r="E20" s="19" t="s">
        <v>1081</v>
      </c>
      <c r="F20" s="19" t="s">
        <v>1112</v>
      </c>
      <c r="G20" s="19" t="s">
        <v>28</v>
      </c>
      <c r="H20" s="19" t="s">
        <v>28</v>
      </c>
      <c r="I20" s="19" t="s">
        <v>1113</v>
      </c>
      <c r="J20" s="19" t="s">
        <v>1084</v>
      </c>
      <c r="K20" s="19" t="s">
        <v>1085</v>
      </c>
      <c r="L20" s="19" t="s">
        <v>1086</v>
      </c>
      <c r="M20" s="19" t="s">
        <v>1087</v>
      </c>
      <c r="N20" s="19" t="s">
        <v>1101</v>
      </c>
    </row>
    <row r="21" spans="2:14" s="1" customFormat="1" ht="15" customHeight="1" x14ac:dyDescent="0.15">
      <c r="B21" s="19" t="s">
        <v>1114</v>
      </c>
      <c r="C21" s="19" t="s">
        <v>1080</v>
      </c>
      <c r="D21" s="19" t="s">
        <v>1080</v>
      </c>
      <c r="E21" s="19" t="s">
        <v>1081</v>
      </c>
      <c r="F21" s="19" t="s">
        <v>1112</v>
      </c>
      <c r="G21" s="19" t="s">
        <v>28</v>
      </c>
      <c r="H21" s="19" t="s">
        <v>28</v>
      </c>
      <c r="I21" s="19" t="s">
        <v>1113</v>
      </c>
      <c r="J21" s="19" t="s">
        <v>1084</v>
      </c>
      <c r="K21" s="19" t="s">
        <v>1085</v>
      </c>
      <c r="L21" s="19" t="s">
        <v>1086</v>
      </c>
      <c r="M21" s="19" t="s">
        <v>1087</v>
      </c>
      <c r="N21" s="19" t="s">
        <v>1101</v>
      </c>
    </row>
    <row r="22" spans="2:14" s="1" customFormat="1" ht="15" customHeight="1" x14ac:dyDescent="0.15">
      <c r="B22" s="19" t="s">
        <v>1115</v>
      </c>
      <c r="C22" s="19" t="s">
        <v>1080</v>
      </c>
      <c r="D22" s="19" t="s">
        <v>1080</v>
      </c>
      <c r="E22" s="19" t="s">
        <v>1081</v>
      </c>
      <c r="F22" s="19" t="s">
        <v>1116</v>
      </c>
      <c r="G22" s="19" t="s">
        <v>28</v>
      </c>
      <c r="H22" s="19" t="s">
        <v>28</v>
      </c>
      <c r="I22" s="19" t="s">
        <v>1113</v>
      </c>
      <c r="J22" s="19" t="s">
        <v>1084</v>
      </c>
      <c r="K22" s="19" t="s">
        <v>1085</v>
      </c>
      <c r="L22" s="19" t="s">
        <v>1086</v>
      </c>
      <c r="M22" s="19" t="s">
        <v>1087</v>
      </c>
      <c r="N22" s="19" t="s">
        <v>1101</v>
      </c>
    </row>
    <row r="23" spans="2:14" s="1" customFormat="1" ht="15" customHeight="1" x14ac:dyDescent="0.15">
      <c r="B23" s="19" t="s">
        <v>1117</v>
      </c>
      <c r="C23" s="19" t="s">
        <v>1080</v>
      </c>
      <c r="D23" s="19" t="s">
        <v>1080</v>
      </c>
      <c r="E23" s="19" t="s">
        <v>1081</v>
      </c>
      <c r="F23" s="19" t="s">
        <v>1118</v>
      </c>
      <c r="G23" s="19" t="s">
        <v>28</v>
      </c>
      <c r="H23" s="19" t="s">
        <v>28</v>
      </c>
      <c r="I23" s="19" t="s">
        <v>1119</v>
      </c>
      <c r="J23" s="19" t="s">
        <v>1084</v>
      </c>
      <c r="K23" s="19" t="s">
        <v>1085</v>
      </c>
      <c r="L23" s="19" t="s">
        <v>1086</v>
      </c>
      <c r="M23" s="19" t="s">
        <v>1087</v>
      </c>
      <c r="N23" s="19" t="s">
        <v>1101</v>
      </c>
    </row>
    <row r="24" spans="2:14" s="1" customFormat="1" ht="15" customHeight="1" x14ac:dyDescent="0.15">
      <c r="B24" s="19" t="s">
        <v>1120</v>
      </c>
      <c r="C24" s="19" t="s">
        <v>1080</v>
      </c>
      <c r="D24" s="19" t="s">
        <v>1080</v>
      </c>
      <c r="E24" s="19" t="s">
        <v>1081</v>
      </c>
      <c r="F24" s="19" t="s">
        <v>1121</v>
      </c>
      <c r="G24" s="19" t="s">
        <v>28</v>
      </c>
      <c r="H24" s="19" t="s">
        <v>28</v>
      </c>
      <c r="I24" s="19" t="s">
        <v>1122</v>
      </c>
      <c r="J24" s="19" t="s">
        <v>1084</v>
      </c>
      <c r="K24" s="19" t="s">
        <v>1085</v>
      </c>
      <c r="L24" s="19" t="s">
        <v>1086</v>
      </c>
      <c r="M24" s="19" t="s">
        <v>1087</v>
      </c>
      <c r="N24" s="19" t="s">
        <v>1101</v>
      </c>
    </row>
    <row r="25" spans="2:14" s="1" customFormat="1" ht="15" customHeight="1" x14ac:dyDescent="0.15">
      <c r="B25" s="19" t="s">
        <v>1123</v>
      </c>
      <c r="C25" s="19" t="s">
        <v>1080</v>
      </c>
      <c r="D25" s="19" t="s">
        <v>1080</v>
      </c>
      <c r="E25" s="19" t="s">
        <v>1081</v>
      </c>
      <c r="F25" s="19" t="s">
        <v>1124</v>
      </c>
      <c r="G25" s="19" t="s">
        <v>28</v>
      </c>
      <c r="H25" s="19" t="s">
        <v>28</v>
      </c>
      <c r="I25" s="19" t="s">
        <v>1125</v>
      </c>
      <c r="J25" s="19" t="s">
        <v>1084</v>
      </c>
      <c r="K25" s="19" t="s">
        <v>1085</v>
      </c>
      <c r="L25" s="19" t="s">
        <v>1086</v>
      </c>
      <c r="M25" s="19" t="s">
        <v>1087</v>
      </c>
      <c r="N25" s="19" t="s">
        <v>1101</v>
      </c>
    </row>
    <row r="26" spans="2:14" s="1" customFormat="1" ht="15" customHeight="1" x14ac:dyDescent="0.15">
      <c r="B26" s="19" t="s">
        <v>1126</v>
      </c>
      <c r="C26" s="19" t="s">
        <v>1080</v>
      </c>
      <c r="D26" s="19" t="s">
        <v>1080</v>
      </c>
      <c r="E26" s="19" t="s">
        <v>1081</v>
      </c>
      <c r="F26" s="19" t="s">
        <v>1124</v>
      </c>
      <c r="G26" s="19" t="s">
        <v>28</v>
      </c>
      <c r="H26" s="19" t="s">
        <v>28</v>
      </c>
      <c r="I26" s="19" t="s">
        <v>1125</v>
      </c>
      <c r="J26" s="19" t="s">
        <v>1084</v>
      </c>
      <c r="K26" s="19" t="s">
        <v>1085</v>
      </c>
      <c r="L26" s="19" t="s">
        <v>1086</v>
      </c>
      <c r="M26" s="19" t="s">
        <v>1087</v>
      </c>
      <c r="N26" s="19" t="s">
        <v>1101</v>
      </c>
    </row>
    <row r="27" spans="2:14" s="1" customFormat="1" ht="15" customHeight="1" x14ac:dyDescent="0.15">
      <c r="B27" s="19" t="s">
        <v>1127</v>
      </c>
      <c r="C27" s="19" t="s">
        <v>1080</v>
      </c>
      <c r="D27" s="19" t="s">
        <v>1080</v>
      </c>
      <c r="E27" s="19" t="s">
        <v>1081</v>
      </c>
      <c r="F27" s="19" t="s">
        <v>1128</v>
      </c>
      <c r="G27" s="19" t="s">
        <v>28</v>
      </c>
      <c r="H27" s="19" t="s">
        <v>28</v>
      </c>
      <c r="I27" s="19" t="s">
        <v>1125</v>
      </c>
      <c r="J27" s="19" t="s">
        <v>1084</v>
      </c>
      <c r="K27" s="19" t="s">
        <v>1085</v>
      </c>
      <c r="L27" s="19" t="s">
        <v>1086</v>
      </c>
      <c r="M27" s="19" t="s">
        <v>1087</v>
      </c>
      <c r="N27" s="19" t="s">
        <v>1101</v>
      </c>
    </row>
    <row r="28" spans="2:14" s="1" customFormat="1" ht="15" customHeight="1" x14ac:dyDescent="0.15">
      <c r="B28" s="19" t="s">
        <v>1129</v>
      </c>
      <c r="C28" s="19" t="s">
        <v>1130</v>
      </c>
      <c r="D28" s="19" t="s">
        <v>1130</v>
      </c>
      <c r="E28" s="19" t="s">
        <v>1081</v>
      </c>
      <c r="F28" s="19" t="s">
        <v>1131</v>
      </c>
      <c r="G28" s="19" t="s">
        <v>28</v>
      </c>
      <c r="H28" s="19" t="s">
        <v>28</v>
      </c>
      <c r="I28" s="19" t="s">
        <v>1132</v>
      </c>
      <c r="J28" s="19" t="s">
        <v>1084</v>
      </c>
      <c r="K28" s="19" t="s">
        <v>1085</v>
      </c>
      <c r="L28" s="19" t="s">
        <v>1086</v>
      </c>
      <c r="M28" s="19" t="s">
        <v>1087</v>
      </c>
      <c r="N28" s="19" t="s">
        <v>1101</v>
      </c>
    </row>
    <row r="29" spans="2:14" s="1" customFormat="1" ht="15" customHeight="1" x14ac:dyDescent="0.15">
      <c r="B29" s="19" t="s">
        <v>1133</v>
      </c>
      <c r="C29" s="19" t="s">
        <v>1130</v>
      </c>
      <c r="D29" s="19" t="s">
        <v>1130</v>
      </c>
      <c r="E29" s="19" t="s">
        <v>1081</v>
      </c>
      <c r="F29" s="19" t="s">
        <v>1131</v>
      </c>
      <c r="G29" s="19" t="s">
        <v>28</v>
      </c>
      <c r="H29" s="19" t="s">
        <v>28</v>
      </c>
      <c r="I29" s="19" t="s">
        <v>1132</v>
      </c>
      <c r="J29" s="19" t="s">
        <v>1084</v>
      </c>
      <c r="K29" s="19" t="s">
        <v>1085</v>
      </c>
      <c r="L29" s="19" t="s">
        <v>1086</v>
      </c>
      <c r="M29" s="19" t="s">
        <v>1087</v>
      </c>
      <c r="N29" s="19" t="s">
        <v>1101</v>
      </c>
    </row>
    <row r="30" spans="2:14" s="1" customFormat="1" ht="15" customHeight="1" x14ac:dyDescent="0.15">
      <c r="B30" s="19" t="s">
        <v>1134</v>
      </c>
      <c r="C30" s="19" t="s">
        <v>1080</v>
      </c>
      <c r="D30" s="19" t="s">
        <v>1080</v>
      </c>
      <c r="E30" s="19" t="s">
        <v>1081</v>
      </c>
      <c r="F30" s="19" t="s">
        <v>1090</v>
      </c>
      <c r="G30" s="19" t="s">
        <v>28</v>
      </c>
      <c r="H30" s="19" t="s">
        <v>28</v>
      </c>
      <c r="I30" s="19" t="s">
        <v>1135</v>
      </c>
      <c r="J30" s="19" t="s">
        <v>1084</v>
      </c>
      <c r="K30" s="19" t="s">
        <v>1085</v>
      </c>
      <c r="L30" s="19" t="s">
        <v>1086</v>
      </c>
      <c r="M30" s="19" t="s">
        <v>1087</v>
      </c>
      <c r="N30" s="19" t="s">
        <v>1101</v>
      </c>
    </row>
    <row r="31" spans="2:14" s="1" customFormat="1" ht="15" customHeight="1" x14ac:dyDescent="0.15">
      <c r="B31" s="19" t="s">
        <v>1136</v>
      </c>
      <c r="C31" s="19" t="s">
        <v>1080</v>
      </c>
      <c r="D31" s="19" t="s">
        <v>1080</v>
      </c>
      <c r="E31" s="19" t="s">
        <v>1081</v>
      </c>
      <c r="F31" s="19" t="s">
        <v>1090</v>
      </c>
      <c r="G31" s="19" t="s">
        <v>28</v>
      </c>
      <c r="H31" s="19" t="s">
        <v>28</v>
      </c>
      <c r="I31" s="19" t="s">
        <v>1135</v>
      </c>
      <c r="J31" s="19" t="s">
        <v>1084</v>
      </c>
      <c r="K31" s="19" t="s">
        <v>1085</v>
      </c>
      <c r="L31" s="19" t="s">
        <v>1086</v>
      </c>
      <c r="M31" s="19" t="s">
        <v>1087</v>
      </c>
      <c r="N31" s="19" t="s">
        <v>1101</v>
      </c>
    </row>
    <row r="32" spans="2:14" s="1" customFormat="1" ht="15" customHeight="1" x14ac:dyDescent="0.15">
      <c r="B32" s="19" t="s">
        <v>1137</v>
      </c>
      <c r="C32" s="19" t="s">
        <v>1080</v>
      </c>
      <c r="D32" s="19" t="s">
        <v>1080</v>
      </c>
      <c r="E32" s="19" t="s">
        <v>1081</v>
      </c>
      <c r="F32" s="19" t="s">
        <v>1090</v>
      </c>
      <c r="G32" s="19" t="s">
        <v>28</v>
      </c>
      <c r="H32" s="19" t="s">
        <v>28</v>
      </c>
      <c r="I32" s="19" t="s">
        <v>1135</v>
      </c>
      <c r="J32" s="19" t="s">
        <v>1084</v>
      </c>
      <c r="K32" s="19" t="s">
        <v>1085</v>
      </c>
      <c r="L32" s="19" t="s">
        <v>1086</v>
      </c>
      <c r="M32" s="19" t="s">
        <v>1087</v>
      </c>
      <c r="N32" s="19" t="s">
        <v>1101</v>
      </c>
    </row>
    <row r="33" spans="2:14" s="1" customFormat="1" ht="15" customHeight="1" x14ac:dyDescent="0.15">
      <c r="B33" s="19" t="s">
        <v>1138</v>
      </c>
      <c r="C33" s="19" t="s">
        <v>1080</v>
      </c>
      <c r="D33" s="19" t="s">
        <v>1080</v>
      </c>
      <c r="E33" s="19" t="s">
        <v>1081</v>
      </c>
      <c r="F33" s="19" t="s">
        <v>1090</v>
      </c>
      <c r="G33" s="19" t="s">
        <v>28</v>
      </c>
      <c r="H33" s="19" t="s">
        <v>28</v>
      </c>
      <c r="I33" s="19" t="s">
        <v>1139</v>
      </c>
      <c r="J33" s="19" t="s">
        <v>1084</v>
      </c>
      <c r="K33" s="19" t="s">
        <v>1085</v>
      </c>
      <c r="L33" s="19" t="s">
        <v>1086</v>
      </c>
      <c r="M33" s="19" t="s">
        <v>1087</v>
      </c>
      <c r="N33" s="19" t="s">
        <v>1101</v>
      </c>
    </row>
    <row r="34" spans="2:14" s="1" customFormat="1" ht="15" customHeight="1" x14ac:dyDescent="0.15">
      <c r="B34" s="19" t="s">
        <v>1140</v>
      </c>
      <c r="C34" s="19" t="s">
        <v>1080</v>
      </c>
      <c r="D34" s="19" t="s">
        <v>1080</v>
      </c>
      <c r="E34" s="19" t="s">
        <v>1081</v>
      </c>
      <c r="F34" s="19" t="s">
        <v>1090</v>
      </c>
      <c r="G34" s="19" t="s">
        <v>28</v>
      </c>
      <c r="H34" s="19" t="s">
        <v>28</v>
      </c>
      <c r="I34" s="19" t="s">
        <v>1135</v>
      </c>
      <c r="J34" s="19" t="s">
        <v>1084</v>
      </c>
      <c r="K34" s="19" t="s">
        <v>1085</v>
      </c>
      <c r="L34" s="19" t="s">
        <v>1086</v>
      </c>
      <c r="M34" s="19" t="s">
        <v>1087</v>
      </c>
      <c r="N34" s="19" t="s">
        <v>1101</v>
      </c>
    </row>
    <row r="35" spans="2:14" s="1" customFormat="1" ht="15" customHeight="1" x14ac:dyDescent="0.15">
      <c r="B35" s="19" t="s">
        <v>1141</v>
      </c>
      <c r="C35" s="19" t="s">
        <v>1080</v>
      </c>
      <c r="D35" s="19" t="s">
        <v>1080</v>
      </c>
      <c r="E35" s="19" t="s">
        <v>1081</v>
      </c>
      <c r="F35" s="19" t="s">
        <v>1090</v>
      </c>
      <c r="G35" s="19" t="s">
        <v>28</v>
      </c>
      <c r="H35" s="19" t="s">
        <v>28</v>
      </c>
      <c r="I35" s="19" t="s">
        <v>1135</v>
      </c>
      <c r="J35" s="19" t="s">
        <v>1084</v>
      </c>
      <c r="K35" s="19" t="s">
        <v>1085</v>
      </c>
      <c r="L35" s="19" t="s">
        <v>1086</v>
      </c>
      <c r="M35" s="19" t="s">
        <v>1087</v>
      </c>
      <c r="N35" s="19" t="s">
        <v>1101</v>
      </c>
    </row>
    <row r="36" spans="2:14" s="1" customFormat="1" ht="15" customHeight="1" x14ac:dyDescent="0.15">
      <c r="B36" s="19" t="s">
        <v>1142</v>
      </c>
      <c r="C36" s="19" t="s">
        <v>1080</v>
      </c>
      <c r="D36" s="19" t="s">
        <v>1080</v>
      </c>
      <c r="E36" s="19" t="s">
        <v>1081</v>
      </c>
      <c r="F36" s="19" t="s">
        <v>1090</v>
      </c>
      <c r="G36" s="19" t="s">
        <v>28</v>
      </c>
      <c r="H36" s="19" t="s">
        <v>28</v>
      </c>
      <c r="I36" s="19" t="s">
        <v>1135</v>
      </c>
      <c r="J36" s="19" t="s">
        <v>1084</v>
      </c>
      <c r="K36" s="19" t="s">
        <v>1085</v>
      </c>
      <c r="L36" s="19" t="s">
        <v>1086</v>
      </c>
      <c r="M36" s="19" t="s">
        <v>1087</v>
      </c>
      <c r="N36" s="19" t="s">
        <v>1101</v>
      </c>
    </row>
    <row r="37" spans="2:14" s="1" customFormat="1" ht="15" customHeight="1" x14ac:dyDescent="0.15">
      <c r="B37" s="19" t="s">
        <v>1143</v>
      </c>
      <c r="C37" s="19" t="s">
        <v>1080</v>
      </c>
      <c r="D37" s="19" t="s">
        <v>1080</v>
      </c>
      <c r="E37" s="19" t="s">
        <v>1081</v>
      </c>
      <c r="F37" s="19" t="s">
        <v>1090</v>
      </c>
      <c r="G37" s="19" t="s">
        <v>28</v>
      </c>
      <c r="H37" s="19" t="s">
        <v>28</v>
      </c>
      <c r="I37" s="19" t="s">
        <v>1135</v>
      </c>
      <c r="J37" s="19" t="s">
        <v>1084</v>
      </c>
      <c r="K37" s="19" t="s">
        <v>1085</v>
      </c>
      <c r="L37" s="19" t="s">
        <v>1086</v>
      </c>
      <c r="M37" s="19" t="s">
        <v>1087</v>
      </c>
      <c r="N37" s="19" t="s">
        <v>1101</v>
      </c>
    </row>
    <row r="38" spans="2:14" s="1" customFormat="1" ht="15" customHeight="1" x14ac:dyDescent="0.15">
      <c r="B38" s="19" t="s">
        <v>1144</v>
      </c>
      <c r="C38" s="19" t="s">
        <v>1080</v>
      </c>
      <c r="D38" s="19" t="s">
        <v>1080</v>
      </c>
      <c r="E38" s="19" t="s">
        <v>1081</v>
      </c>
      <c r="F38" s="19" t="s">
        <v>1090</v>
      </c>
      <c r="G38" s="19" t="s">
        <v>28</v>
      </c>
      <c r="H38" s="19" t="s">
        <v>28</v>
      </c>
      <c r="I38" s="19" t="s">
        <v>1145</v>
      </c>
      <c r="J38" s="19" t="s">
        <v>1084</v>
      </c>
      <c r="K38" s="19" t="s">
        <v>1085</v>
      </c>
      <c r="L38" s="19" t="s">
        <v>1086</v>
      </c>
      <c r="M38" s="19" t="s">
        <v>1087</v>
      </c>
      <c r="N38" s="19" t="s">
        <v>1101</v>
      </c>
    </row>
    <row r="39" spans="2:14" s="1" customFormat="1" ht="15" customHeight="1" x14ac:dyDescent="0.15">
      <c r="B39" s="19" t="s">
        <v>1146</v>
      </c>
      <c r="C39" s="19" t="s">
        <v>1080</v>
      </c>
      <c r="D39" s="19" t="s">
        <v>1080</v>
      </c>
      <c r="E39" s="19" t="s">
        <v>1081</v>
      </c>
      <c r="F39" s="19" t="s">
        <v>1090</v>
      </c>
      <c r="G39" s="19" t="s">
        <v>28</v>
      </c>
      <c r="H39" s="19" t="s">
        <v>28</v>
      </c>
      <c r="I39" s="19" t="s">
        <v>1135</v>
      </c>
      <c r="J39" s="19" t="s">
        <v>1084</v>
      </c>
      <c r="K39" s="19" t="s">
        <v>1085</v>
      </c>
      <c r="L39" s="19" t="s">
        <v>1086</v>
      </c>
      <c r="M39" s="19" t="s">
        <v>1087</v>
      </c>
      <c r="N39" s="19" t="s">
        <v>1101</v>
      </c>
    </row>
    <row r="40" spans="2:14" s="1" customFormat="1" ht="15" customHeight="1" x14ac:dyDescent="0.15">
      <c r="B40" s="19" t="s">
        <v>1147</v>
      </c>
      <c r="C40" s="19" t="s">
        <v>1080</v>
      </c>
      <c r="D40" s="19" t="s">
        <v>1080</v>
      </c>
      <c r="E40" s="19" t="s">
        <v>1081</v>
      </c>
      <c r="F40" s="19" t="s">
        <v>1090</v>
      </c>
      <c r="G40" s="19" t="s">
        <v>28</v>
      </c>
      <c r="H40" s="19" t="s">
        <v>28</v>
      </c>
      <c r="I40" s="19" t="s">
        <v>1145</v>
      </c>
      <c r="J40" s="19" t="s">
        <v>1084</v>
      </c>
      <c r="K40" s="19" t="s">
        <v>1085</v>
      </c>
      <c r="L40" s="19" t="s">
        <v>1086</v>
      </c>
      <c r="M40" s="19" t="s">
        <v>1087</v>
      </c>
      <c r="N40" s="19" t="s">
        <v>1101</v>
      </c>
    </row>
    <row r="41" spans="2:14" s="1" customFormat="1" ht="15" customHeight="1" x14ac:dyDescent="0.15">
      <c r="B41" s="19" t="s">
        <v>1148</v>
      </c>
      <c r="C41" s="19" t="s">
        <v>1080</v>
      </c>
      <c r="D41" s="19" t="s">
        <v>1080</v>
      </c>
      <c r="E41" s="19" t="s">
        <v>1081</v>
      </c>
      <c r="F41" s="19" t="s">
        <v>1090</v>
      </c>
      <c r="G41" s="19" t="s">
        <v>28</v>
      </c>
      <c r="H41" s="19" t="s">
        <v>28</v>
      </c>
      <c r="I41" s="19" t="s">
        <v>1135</v>
      </c>
      <c r="J41" s="19" t="s">
        <v>1084</v>
      </c>
      <c r="K41" s="19" t="s">
        <v>1085</v>
      </c>
      <c r="L41" s="19" t="s">
        <v>1086</v>
      </c>
      <c r="M41" s="19" t="s">
        <v>1087</v>
      </c>
      <c r="N41" s="19" t="s">
        <v>1101</v>
      </c>
    </row>
    <row r="42" spans="2:14" s="1" customFormat="1" ht="15" customHeight="1" x14ac:dyDescent="0.15">
      <c r="B42" s="19" t="s">
        <v>1149</v>
      </c>
      <c r="C42" s="19" t="s">
        <v>1080</v>
      </c>
      <c r="D42" s="19" t="s">
        <v>1080</v>
      </c>
      <c r="E42" s="19" t="s">
        <v>1081</v>
      </c>
      <c r="F42" s="19" t="s">
        <v>1090</v>
      </c>
      <c r="G42" s="19" t="s">
        <v>28</v>
      </c>
      <c r="H42" s="19" t="s">
        <v>28</v>
      </c>
      <c r="I42" s="19" t="s">
        <v>1135</v>
      </c>
      <c r="J42" s="19" t="s">
        <v>1084</v>
      </c>
      <c r="K42" s="19" t="s">
        <v>1085</v>
      </c>
      <c r="L42" s="19" t="s">
        <v>1086</v>
      </c>
      <c r="M42" s="19" t="s">
        <v>1087</v>
      </c>
      <c r="N42" s="19" t="s">
        <v>1101</v>
      </c>
    </row>
    <row r="43" spans="2:14" s="1" customFormat="1" ht="15" customHeight="1" x14ac:dyDescent="0.15">
      <c r="B43" s="19" t="s">
        <v>1150</v>
      </c>
      <c r="C43" s="19" t="s">
        <v>1080</v>
      </c>
      <c r="D43" s="19" t="s">
        <v>1080</v>
      </c>
      <c r="E43" s="19" t="s">
        <v>1081</v>
      </c>
      <c r="F43" s="19" t="s">
        <v>1090</v>
      </c>
      <c r="G43" s="19" t="s">
        <v>28</v>
      </c>
      <c r="H43" s="19" t="s">
        <v>28</v>
      </c>
      <c r="I43" s="19" t="s">
        <v>1135</v>
      </c>
      <c r="J43" s="19" t="s">
        <v>1084</v>
      </c>
      <c r="K43" s="19" t="s">
        <v>1085</v>
      </c>
      <c r="L43" s="19" t="s">
        <v>1086</v>
      </c>
      <c r="M43" s="19" t="s">
        <v>1087</v>
      </c>
      <c r="N43" s="19" t="s">
        <v>1101</v>
      </c>
    </row>
    <row r="44" spans="2:14" s="1" customFormat="1" ht="15" customHeight="1" x14ac:dyDescent="0.15">
      <c r="B44" s="19" t="s">
        <v>1151</v>
      </c>
      <c r="C44" s="19" t="s">
        <v>1080</v>
      </c>
      <c r="D44" s="19" t="s">
        <v>1080</v>
      </c>
      <c r="E44" s="19" t="s">
        <v>1081</v>
      </c>
      <c r="F44" s="19" t="s">
        <v>1090</v>
      </c>
      <c r="G44" s="19" t="s">
        <v>28</v>
      </c>
      <c r="H44" s="19" t="s">
        <v>28</v>
      </c>
      <c r="I44" s="19" t="s">
        <v>1135</v>
      </c>
      <c r="J44" s="19" t="s">
        <v>1084</v>
      </c>
      <c r="K44" s="19" t="s">
        <v>1085</v>
      </c>
      <c r="L44" s="19" t="s">
        <v>1086</v>
      </c>
      <c r="M44" s="19" t="s">
        <v>1087</v>
      </c>
      <c r="N44" s="19" t="s">
        <v>1101</v>
      </c>
    </row>
    <row r="45" spans="2:14" s="1" customFormat="1" ht="15" customHeight="1" x14ac:dyDescent="0.15">
      <c r="B45" s="19" t="s">
        <v>1152</v>
      </c>
      <c r="C45" s="19" t="s">
        <v>1080</v>
      </c>
      <c r="D45" s="19" t="s">
        <v>1080</v>
      </c>
      <c r="E45" s="19" t="s">
        <v>1081</v>
      </c>
      <c r="F45" s="19" t="s">
        <v>1090</v>
      </c>
      <c r="G45" s="19" t="s">
        <v>28</v>
      </c>
      <c r="H45" s="19" t="s">
        <v>28</v>
      </c>
      <c r="I45" s="19" t="s">
        <v>1135</v>
      </c>
      <c r="J45" s="19" t="s">
        <v>1084</v>
      </c>
      <c r="K45" s="19" t="s">
        <v>1085</v>
      </c>
      <c r="L45" s="19" t="s">
        <v>1086</v>
      </c>
      <c r="M45" s="19" t="s">
        <v>1087</v>
      </c>
      <c r="N45" s="19" t="s">
        <v>1101</v>
      </c>
    </row>
    <row r="46" spans="2:14" s="1" customFormat="1" ht="15" customHeight="1" x14ac:dyDescent="0.15">
      <c r="B46" s="19" t="s">
        <v>1153</v>
      </c>
      <c r="C46" s="19" t="s">
        <v>1080</v>
      </c>
      <c r="D46" s="19" t="s">
        <v>1080</v>
      </c>
      <c r="E46" s="19" t="s">
        <v>1081</v>
      </c>
      <c r="F46" s="19" t="s">
        <v>1154</v>
      </c>
      <c r="G46" s="19" t="s">
        <v>28</v>
      </c>
      <c r="H46" s="19" t="s">
        <v>28</v>
      </c>
      <c r="I46" s="19" t="s">
        <v>1155</v>
      </c>
      <c r="J46" s="19" t="s">
        <v>1084</v>
      </c>
      <c r="K46" s="19" t="s">
        <v>1085</v>
      </c>
      <c r="L46" s="19" t="s">
        <v>1086</v>
      </c>
      <c r="M46" s="19" t="s">
        <v>1087</v>
      </c>
      <c r="N46" s="19" t="s">
        <v>1101</v>
      </c>
    </row>
    <row r="47" spans="2:14" s="1" customFormat="1" ht="15" customHeight="1" x14ac:dyDescent="0.15">
      <c r="B47" s="19" t="s">
        <v>1156</v>
      </c>
      <c r="C47" s="19" t="s">
        <v>1080</v>
      </c>
      <c r="D47" s="19" t="s">
        <v>1080</v>
      </c>
      <c r="E47" s="19" t="s">
        <v>1081</v>
      </c>
      <c r="F47" s="19" t="s">
        <v>1154</v>
      </c>
      <c r="G47" s="19" t="s">
        <v>28</v>
      </c>
      <c r="H47" s="19" t="s">
        <v>28</v>
      </c>
      <c r="I47" s="19" t="s">
        <v>1155</v>
      </c>
      <c r="J47" s="19" t="s">
        <v>1084</v>
      </c>
      <c r="K47" s="19" t="s">
        <v>1085</v>
      </c>
      <c r="L47" s="19" t="s">
        <v>1086</v>
      </c>
      <c r="M47" s="19" t="s">
        <v>1087</v>
      </c>
      <c r="N47" s="19" t="s">
        <v>1101</v>
      </c>
    </row>
    <row r="48" spans="2:14" s="1" customFormat="1" ht="15" customHeight="1" x14ac:dyDescent="0.15">
      <c r="B48" s="19" t="s">
        <v>1157</v>
      </c>
      <c r="C48" s="19" t="s">
        <v>1080</v>
      </c>
      <c r="D48" s="19" t="s">
        <v>1080</v>
      </c>
      <c r="E48" s="19" t="s">
        <v>1081</v>
      </c>
      <c r="F48" s="19" t="s">
        <v>1158</v>
      </c>
      <c r="G48" s="19" t="s">
        <v>28</v>
      </c>
      <c r="H48" s="19" t="s">
        <v>28</v>
      </c>
      <c r="I48" s="19" t="s">
        <v>1159</v>
      </c>
      <c r="J48" s="19" t="s">
        <v>1084</v>
      </c>
      <c r="K48" s="19" t="s">
        <v>1085</v>
      </c>
      <c r="L48" s="19" t="s">
        <v>1086</v>
      </c>
      <c r="M48" s="19" t="s">
        <v>1087</v>
      </c>
      <c r="N48" s="19" t="s">
        <v>1101</v>
      </c>
    </row>
    <row r="49" spans="1:14" s="1" customFormat="1" ht="15" customHeight="1" x14ac:dyDescent="0.15">
      <c r="B49" s="19" t="s">
        <v>1160</v>
      </c>
      <c r="C49" s="19" t="s">
        <v>1080</v>
      </c>
      <c r="D49" s="19" t="s">
        <v>1080</v>
      </c>
      <c r="E49" s="19" t="s">
        <v>1081</v>
      </c>
      <c r="F49" s="19" t="s">
        <v>1158</v>
      </c>
      <c r="G49" s="19" t="s">
        <v>28</v>
      </c>
      <c r="H49" s="19" t="s">
        <v>28</v>
      </c>
      <c r="I49" s="19" t="s">
        <v>1159</v>
      </c>
      <c r="J49" s="19" t="s">
        <v>1084</v>
      </c>
      <c r="K49" s="19" t="s">
        <v>1085</v>
      </c>
      <c r="L49" s="19" t="s">
        <v>1086</v>
      </c>
      <c r="M49" s="19" t="s">
        <v>1087</v>
      </c>
      <c r="N49" s="19" t="s">
        <v>1101</v>
      </c>
    </row>
    <row r="50" spans="1:14" s="1" customFormat="1" ht="15" customHeight="1" x14ac:dyDescent="0.15">
      <c r="B50" s="19" t="s">
        <v>1161</v>
      </c>
      <c r="C50" s="19" t="s">
        <v>1080</v>
      </c>
      <c r="D50" s="19" t="s">
        <v>1080</v>
      </c>
      <c r="E50" s="19" t="s">
        <v>1081</v>
      </c>
      <c r="F50" s="19" t="s">
        <v>1162</v>
      </c>
      <c r="G50" s="19" t="s">
        <v>28</v>
      </c>
      <c r="H50" s="19" t="s">
        <v>28</v>
      </c>
      <c r="I50" s="19" t="s">
        <v>1163</v>
      </c>
      <c r="J50" s="19" t="s">
        <v>1084</v>
      </c>
      <c r="K50" s="19" t="s">
        <v>1085</v>
      </c>
      <c r="L50" s="19" t="s">
        <v>1086</v>
      </c>
      <c r="M50" s="19" t="s">
        <v>1087</v>
      </c>
      <c r="N50" s="19" t="s">
        <v>1101</v>
      </c>
    </row>
    <row r="51" spans="1:14" s="1" customFormat="1" ht="15" customHeight="1" x14ac:dyDescent="0.15">
      <c r="B51" s="19" t="s">
        <v>1164</v>
      </c>
      <c r="C51" s="19" t="s">
        <v>1080</v>
      </c>
      <c r="D51" s="19" t="s">
        <v>1080</v>
      </c>
      <c r="E51" s="19" t="s">
        <v>1081</v>
      </c>
      <c r="F51" s="19" t="s">
        <v>1165</v>
      </c>
      <c r="G51" s="19" t="s">
        <v>28</v>
      </c>
      <c r="H51" s="19" t="s">
        <v>28</v>
      </c>
      <c r="I51" s="19" t="s">
        <v>1166</v>
      </c>
      <c r="J51" s="19" t="s">
        <v>1084</v>
      </c>
      <c r="K51" s="19" t="s">
        <v>1085</v>
      </c>
      <c r="L51" s="19" t="s">
        <v>1086</v>
      </c>
      <c r="M51" s="19" t="s">
        <v>1087</v>
      </c>
      <c r="N51" s="19" t="s">
        <v>1101</v>
      </c>
    </row>
    <row r="52" spans="1:14" s="1" customFormat="1" ht="15" customHeight="1" x14ac:dyDescent="0.15">
      <c r="B52" s="19" t="s">
        <v>1167</v>
      </c>
      <c r="C52" s="19" t="s">
        <v>1080</v>
      </c>
      <c r="D52" s="19" t="s">
        <v>1080</v>
      </c>
      <c r="E52" s="19" t="s">
        <v>1081</v>
      </c>
      <c r="F52" s="19" t="s">
        <v>1165</v>
      </c>
      <c r="G52" s="19" t="s">
        <v>28</v>
      </c>
      <c r="H52" s="19" t="s">
        <v>28</v>
      </c>
      <c r="I52" s="19" t="s">
        <v>1166</v>
      </c>
      <c r="J52" s="19" t="s">
        <v>1084</v>
      </c>
      <c r="K52" s="19" t="s">
        <v>1085</v>
      </c>
      <c r="L52" s="19" t="s">
        <v>1086</v>
      </c>
      <c r="M52" s="19" t="s">
        <v>1087</v>
      </c>
      <c r="N52" s="19" t="s">
        <v>1101</v>
      </c>
    </row>
    <row r="53" spans="1:14" s="1" customFormat="1" ht="15" customHeight="1" x14ac:dyDescent="0.15">
      <c r="B53" s="19" t="s">
        <v>1168</v>
      </c>
      <c r="C53" s="19" t="s">
        <v>1080</v>
      </c>
      <c r="D53" s="19" t="s">
        <v>1080</v>
      </c>
      <c r="E53" s="19" t="s">
        <v>1081</v>
      </c>
      <c r="F53" s="19" t="s">
        <v>1082</v>
      </c>
      <c r="G53" s="19" t="s">
        <v>28</v>
      </c>
      <c r="H53" s="19" t="s">
        <v>28</v>
      </c>
      <c r="I53" s="19" t="s">
        <v>1169</v>
      </c>
      <c r="J53" s="19" t="s">
        <v>1084</v>
      </c>
      <c r="K53" s="19" t="s">
        <v>1085</v>
      </c>
      <c r="L53" s="19" t="s">
        <v>1086</v>
      </c>
      <c r="M53" s="19" t="s">
        <v>1087</v>
      </c>
      <c r="N53" s="19" t="s">
        <v>1101</v>
      </c>
    </row>
    <row r="54" spans="1:14" s="1" customFormat="1" ht="15" customHeight="1" x14ac:dyDescent="0.15">
      <c r="B54" s="19" t="s">
        <v>1170</v>
      </c>
      <c r="C54" s="19" t="s">
        <v>1080</v>
      </c>
      <c r="D54" s="19" t="s">
        <v>1080</v>
      </c>
      <c r="E54" s="19" t="s">
        <v>1081</v>
      </c>
      <c r="F54" s="19" t="s">
        <v>1082</v>
      </c>
      <c r="G54" s="19" t="s">
        <v>28</v>
      </c>
      <c r="H54" s="19" t="s">
        <v>28</v>
      </c>
      <c r="I54" s="19" t="s">
        <v>1166</v>
      </c>
      <c r="J54" s="19" t="s">
        <v>1084</v>
      </c>
      <c r="K54" s="19" t="s">
        <v>1085</v>
      </c>
      <c r="L54" s="19" t="s">
        <v>1086</v>
      </c>
      <c r="M54" s="19" t="s">
        <v>1087</v>
      </c>
      <c r="N54" s="19" t="s">
        <v>1101</v>
      </c>
    </row>
    <row r="55" spans="1:14" s="1" customFormat="1" ht="15" customHeight="1" x14ac:dyDescent="0.15">
      <c r="B55" s="19" t="s">
        <v>1171</v>
      </c>
      <c r="C55" s="19" t="s">
        <v>1080</v>
      </c>
      <c r="D55" s="19" t="s">
        <v>1080</v>
      </c>
      <c r="E55" s="19" t="s">
        <v>1081</v>
      </c>
      <c r="F55" s="19" t="s">
        <v>1090</v>
      </c>
      <c r="G55" s="19" t="s">
        <v>28</v>
      </c>
      <c r="H55" s="19" t="s">
        <v>28</v>
      </c>
      <c r="I55" s="19" t="s">
        <v>1172</v>
      </c>
      <c r="J55" s="19" t="s">
        <v>1084</v>
      </c>
      <c r="K55" s="19" t="s">
        <v>1085</v>
      </c>
      <c r="L55" s="19" t="s">
        <v>1086</v>
      </c>
      <c r="M55" s="19" t="s">
        <v>1087</v>
      </c>
      <c r="N55" s="19" t="s">
        <v>1101</v>
      </c>
    </row>
    <row r="56" spans="1:14" s="1" customFormat="1" ht="15" customHeight="1" x14ac:dyDescent="0.15">
      <c r="B56" s="19" t="s">
        <v>1173</v>
      </c>
      <c r="C56" s="19" t="s">
        <v>1080</v>
      </c>
      <c r="D56" s="19" t="s">
        <v>1080</v>
      </c>
      <c r="E56" s="19" t="s">
        <v>1081</v>
      </c>
      <c r="F56" s="19" t="s">
        <v>1090</v>
      </c>
      <c r="G56" s="19" t="s">
        <v>28</v>
      </c>
      <c r="H56" s="19" t="s">
        <v>28</v>
      </c>
      <c r="I56" s="19" t="s">
        <v>1172</v>
      </c>
      <c r="J56" s="19" t="s">
        <v>1084</v>
      </c>
      <c r="K56" s="19" t="s">
        <v>1085</v>
      </c>
      <c r="L56" s="19" t="s">
        <v>1086</v>
      </c>
      <c r="M56" s="19" t="s">
        <v>1087</v>
      </c>
      <c r="N56" s="19" t="s">
        <v>1101</v>
      </c>
    </row>
    <row r="57" spans="1:14" s="1" customFormat="1" ht="15" customHeight="1" x14ac:dyDescent="0.15">
      <c r="B57" s="19" t="s">
        <v>1174</v>
      </c>
      <c r="C57" s="19" t="s">
        <v>1080</v>
      </c>
      <c r="D57" s="19" t="s">
        <v>1080</v>
      </c>
      <c r="E57" s="19" t="s">
        <v>1081</v>
      </c>
      <c r="F57" s="19" t="s">
        <v>1082</v>
      </c>
      <c r="G57" s="19" t="s">
        <v>28</v>
      </c>
      <c r="H57" s="19" t="s">
        <v>28</v>
      </c>
      <c r="I57" s="19" t="s">
        <v>1139</v>
      </c>
      <c r="J57" s="19" t="s">
        <v>1084</v>
      </c>
      <c r="K57" s="19" t="s">
        <v>1085</v>
      </c>
      <c r="L57" s="19" t="s">
        <v>1086</v>
      </c>
      <c r="M57" s="19" t="s">
        <v>1087</v>
      </c>
      <c r="N57" s="19" t="s">
        <v>1101</v>
      </c>
    </row>
    <row r="58" spans="1:14" s="1" customFormat="1" ht="15" customHeight="1" x14ac:dyDescent="0.15">
      <c r="B58" s="19" t="s">
        <v>1175</v>
      </c>
      <c r="C58" s="19" t="s">
        <v>1080</v>
      </c>
      <c r="D58" s="19" t="s">
        <v>1080</v>
      </c>
      <c r="E58" s="19" t="s">
        <v>1081</v>
      </c>
      <c r="F58" s="19" t="s">
        <v>1082</v>
      </c>
      <c r="G58" s="19" t="s">
        <v>28</v>
      </c>
      <c r="H58" s="19" t="s">
        <v>28</v>
      </c>
      <c r="I58" s="19" t="s">
        <v>1139</v>
      </c>
      <c r="J58" s="19" t="s">
        <v>1084</v>
      </c>
      <c r="K58" s="19" t="s">
        <v>1085</v>
      </c>
      <c r="L58" s="19" t="s">
        <v>1086</v>
      </c>
      <c r="M58" s="19" t="s">
        <v>1087</v>
      </c>
      <c r="N58" s="19" t="s">
        <v>1101</v>
      </c>
    </row>
    <row r="59" spans="1:14" s="1" customFormat="1" ht="15" customHeight="1" x14ac:dyDescent="0.15">
      <c r="B59" s="19" t="s">
        <v>1176</v>
      </c>
      <c r="C59" s="19" t="s">
        <v>1080</v>
      </c>
      <c r="D59" s="19" t="s">
        <v>1080</v>
      </c>
      <c r="E59" s="19" t="s">
        <v>1081</v>
      </c>
      <c r="F59" s="19" t="s">
        <v>1090</v>
      </c>
      <c r="G59" s="19" t="s">
        <v>28</v>
      </c>
      <c r="H59" s="19" t="s">
        <v>28</v>
      </c>
      <c r="I59" s="19" t="s">
        <v>1135</v>
      </c>
      <c r="J59" s="19" t="s">
        <v>1084</v>
      </c>
      <c r="K59" s="19" t="s">
        <v>1085</v>
      </c>
      <c r="L59" s="19" t="s">
        <v>1086</v>
      </c>
      <c r="M59" s="19" t="s">
        <v>1087</v>
      </c>
      <c r="N59" s="19" t="s">
        <v>1101</v>
      </c>
    </row>
    <row r="60" spans="1:14" s="1" customFormat="1" ht="15" customHeight="1" x14ac:dyDescent="0.15">
      <c r="B60" s="19" t="s">
        <v>1177</v>
      </c>
      <c r="C60" s="19" t="s">
        <v>1080</v>
      </c>
      <c r="D60" s="19" t="s">
        <v>1080</v>
      </c>
      <c r="E60" s="19" t="s">
        <v>1081</v>
      </c>
      <c r="F60" s="19" t="s">
        <v>1090</v>
      </c>
      <c r="G60" s="19" t="s">
        <v>28</v>
      </c>
      <c r="H60" s="19" t="s">
        <v>28</v>
      </c>
      <c r="I60" s="19" t="s">
        <v>1135</v>
      </c>
      <c r="J60" s="19" t="s">
        <v>1084</v>
      </c>
      <c r="K60" s="19" t="s">
        <v>1085</v>
      </c>
      <c r="L60" s="19" t="s">
        <v>1086</v>
      </c>
      <c r="M60" s="19" t="s">
        <v>1087</v>
      </c>
      <c r="N60" s="19" t="s">
        <v>1101</v>
      </c>
    </row>
    <row r="62" spans="1:14" s="1" customFormat="1" ht="15" customHeight="1" x14ac:dyDescent="0.15">
      <c r="A62" s="16" t="s">
        <v>1178</v>
      </c>
      <c r="B62" s="17" t="s">
        <v>1066</v>
      </c>
      <c r="C62" s="17" t="s">
        <v>1067</v>
      </c>
      <c r="D62" s="17" t="s">
        <v>1068</v>
      </c>
      <c r="E62" s="17" t="s">
        <v>1069</v>
      </c>
      <c r="F62" s="17" t="s">
        <v>1070</v>
      </c>
      <c r="G62" s="17" t="s">
        <v>1071</v>
      </c>
      <c r="H62" s="17" t="s">
        <v>1072</v>
      </c>
      <c r="I62" s="17" t="s">
        <v>1179</v>
      </c>
      <c r="J62" s="18" t="s">
        <v>1078</v>
      </c>
    </row>
    <row r="63" spans="1:14" s="1" customFormat="1" ht="15" customHeight="1" x14ac:dyDescent="0.15">
      <c r="B63" s="19"/>
      <c r="C63" s="19"/>
      <c r="D63" s="19"/>
      <c r="E63" s="19"/>
      <c r="F63" s="19"/>
      <c r="G63" s="19"/>
      <c r="H63" s="19"/>
      <c r="I63" s="19"/>
      <c r="J63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63C47E6-DD32-4DC6-AC54-AD690173AC19}">
  <sheetPr>
    <pageSetUpPr fitToPage="1"/>
  </sheetPr>
  <dimension ref="A2:N1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6" sqref="B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8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8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9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8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9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220</v>
      </c>
      <c r="C11" s="19" t="s">
        <v>1180</v>
      </c>
      <c r="D11" s="19" t="s">
        <v>1180</v>
      </c>
      <c r="E11" s="19" t="s">
        <v>1081</v>
      </c>
      <c r="F11" s="19" t="s">
        <v>1221</v>
      </c>
      <c r="G11" s="19" t="s">
        <v>28</v>
      </c>
      <c r="H11" s="19" t="s">
        <v>28</v>
      </c>
      <c r="I11" s="19" t="s">
        <v>1122</v>
      </c>
      <c r="J11" s="19" t="s">
        <v>28</v>
      </c>
      <c r="K11" s="19" t="s">
        <v>1222</v>
      </c>
      <c r="L11" s="19" t="s">
        <v>1086</v>
      </c>
      <c r="M11" s="19" t="s">
        <v>1223</v>
      </c>
      <c r="N11" s="19" t="s">
        <v>28</v>
      </c>
    </row>
    <row r="12" spans="1:14" s="1" customFormat="1" ht="15" customHeight="1" x14ac:dyDescent="0.15">
      <c r="B12" s="19" t="s">
        <v>1224</v>
      </c>
      <c r="C12" s="19" t="s">
        <v>1180</v>
      </c>
      <c r="D12" s="19" t="s">
        <v>1180</v>
      </c>
      <c r="E12" s="19" t="s">
        <v>1081</v>
      </c>
      <c r="F12" s="19" t="s">
        <v>1221</v>
      </c>
      <c r="G12" s="19" t="s">
        <v>28</v>
      </c>
      <c r="H12" s="19" t="s">
        <v>28</v>
      </c>
      <c r="I12" s="19" t="s">
        <v>1122</v>
      </c>
      <c r="J12" s="19" t="s">
        <v>28</v>
      </c>
      <c r="K12" s="19" t="s">
        <v>1222</v>
      </c>
      <c r="L12" s="19" t="s">
        <v>1086</v>
      </c>
      <c r="M12" s="19" t="s">
        <v>1223</v>
      </c>
      <c r="N12" s="19" t="s">
        <v>28</v>
      </c>
    </row>
    <row r="13" spans="1:14" s="1" customFormat="1" ht="15" customHeight="1" x14ac:dyDescent="0.15">
      <c r="B13" s="19" t="s">
        <v>1225</v>
      </c>
      <c r="C13" s="19" t="s">
        <v>1180</v>
      </c>
      <c r="D13" s="19" t="s">
        <v>1180</v>
      </c>
      <c r="E13" s="19" t="s">
        <v>1081</v>
      </c>
      <c r="F13" s="19" t="s">
        <v>1226</v>
      </c>
      <c r="G13" s="19" t="s">
        <v>28</v>
      </c>
      <c r="H13" s="19" t="s">
        <v>28</v>
      </c>
      <c r="I13" s="19" t="s">
        <v>1227</v>
      </c>
      <c r="J13" s="19" t="s">
        <v>28</v>
      </c>
      <c r="K13" s="19" t="s">
        <v>1222</v>
      </c>
      <c r="L13" s="19" t="s">
        <v>1086</v>
      </c>
      <c r="M13" s="19" t="s">
        <v>1223</v>
      </c>
      <c r="N13" s="19" t="s">
        <v>28</v>
      </c>
    </row>
    <row r="14" spans="1:14" s="1" customFormat="1" ht="15" customHeight="1" x14ac:dyDescent="0.15">
      <c r="B14" s="19" t="s">
        <v>1228</v>
      </c>
      <c r="C14" s="19" t="s">
        <v>1229</v>
      </c>
      <c r="D14" s="19" t="s">
        <v>1230</v>
      </c>
      <c r="E14" s="19" t="s">
        <v>1081</v>
      </c>
      <c r="F14" s="19" t="s">
        <v>28</v>
      </c>
      <c r="G14" s="19" t="s">
        <v>28</v>
      </c>
      <c r="H14" s="19" t="s">
        <v>28</v>
      </c>
      <c r="I14" s="19" t="s">
        <v>1231</v>
      </c>
      <c r="J14" s="19" t="s">
        <v>28</v>
      </c>
      <c r="K14" s="19" t="s">
        <v>1222</v>
      </c>
      <c r="L14" s="19" t="s">
        <v>1086</v>
      </c>
      <c r="M14" s="19" t="s">
        <v>1223</v>
      </c>
      <c r="N14" s="19" t="s">
        <v>28</v>
      </c>
    </row>
    <row r="16" spans="1:14" s="1" customFormat="1" ht="15" customHeight="1" x14ac:dyDescent="0.15">
      <c r="A16" s="16" t="s">
        <v>1178</v>
      </c>
      <c r="B16" s="17" t="s">
        <v>1066</v>
      </c>
      <c r="C16" s="17" t="s">
        <v>1067</v>
      </c>
      <c r="D16" s="17" t="s">
        <v>1068</v>
      </c>
      <c r="E16" s="17" t="s">
        <v>1069</v>
      </c>
      <c r="F16" s="17" t="s">
        <v>1070</v>
      </c>
      <c r="G16" s="17" t="s">
        <v>1071</v>
      </c>
      <c r="H16" s="17" t="s">
        <v>1072</v>
      </c>
      <c r="I16" s="17" t="s">
        <v>1179</v>
      </c>
      <c r="J16" s="18" t="s">
        <v>1078</v>
      </c>
    </row>
    <row r="17" spans="2:10" s="1" customFormat="1" ht="15" customHeight="1" x14ac:dyDescent="0.15">
      <c r="B17" s="19"/>
      <c r="C17" s="19"/>
      <c r="D17" s="19"/>
      <c r="E17" s="19"/>
      <c r="F17" s="19"/>
      <c r="G17" s="19"/>
      <c r="H17" s="19"/>
      <c r="I17" s="19"/>
      <c r="J17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182F17-550E-4A89-B8AC-417FA6F1D081}">
  <sheetPr>
    <pageSetUpPr fitToPage="1"/>
  </sheetPr>
  <dimension ref="A2:N19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5" sqref="C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19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19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19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9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0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11</v>
      </c>
      <c r="C11" s="19" t="s">
        <v>1180</v>
      </c>
      <c r="D11" s="19" t="s">
        <v>1180</v>
      </c>
      <c r="E11" s="19" t="s">
        <v>1081</v>
      </c>
      <c r="F11" s="19" t="s">
        <v>1232</v>
      </c>
      <c r="G11" s="19" t="s">
        <v>28</v>
      </c>
      <c r="H11" s="19" t="s">
        <v>28</v>
      </c>
      <c r="I11" s="19" t="s">
        <v>1233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114</v>
      </c>
      <c r="C12" s="19" t="s">
        <v>1080</v>
      </c>
      <c r="D12" s="19" t="s">
        <v>1080</v>
      </c>
      <c r="E12" s="19" t="s">
        <v>1081</v>
      </c>
      <c r="F12" s="19" t="s">
        <v>1234</v>
      </c>
      <c r="G12" s="19" t="s">
        <v>28</v>
      </c>
      <c r="H12" s="19" t="s">
        <v>28</v>
      </c>
      <c r="I12" s="19" t="s">
        <v>1235</v>
      </c>
      <c r="J12" s="19" t="s">
        <v>28</v>
      </c>
      <c r="K12" s="19" t="s">
        <v>1085</v>
      </c>
      <c r="L12" s="19" t="s">
        <v>1086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115</v>
      </c>
      <c r="C13" s="19" t="s">
        <v>1080</v>
      </c>
      <c r="D13" s="19" t="s">
        <v>1080</v>
      </c>
      <c r="E13" s="19" t="s">
        <v>1081</v>
      </c>
      <c r="F13" s="19" t="s">
        <v>1236</v>
      </c>
      <c r="G13" s="19" t="s">
        <v>28</v>
      </c>
      <c r="H13" s="19" t="s">
        <v>28</v>
      </c>
      <c r="I13" s="19" t="s">
        <v>1113</v>
      </c>
      <c r="J13" s="19" t="s">
        <v>1237</v>
      </c>
      <c r="K13" s="19" t="s">
        <v>1085</v>
      </c>
      <c r="L13" s="19" t="s">
        <v>1086</v>
      </c>
      <c r="M13" s="19" t="s">
        <v>1087</v>
      </c>
      <c r="N13" s="19" t="s">
        <v>28</v>
      </c>
    </row>
    <row r="14" spans="1:14" s="1" customFormat="1" ht="15" customHeight="1" x14ac:dyDescent="0.15">
      <c r="B14" s="19" t="s">
        <v>1117</v>
      </c>
      <c r="C14" s="19" t="s">
        <v>1080</v>
      </c>
      <c r="D14" s="19" t="s">
        <v>1080</v>
      </c>
      <c r="E14" s="19" t="s">
        <v>1081</v>
      </c>
      <c r="F14" s="19" t="s">
        <v>1236</v>
      </c>
      <c r="G14" s="19" t="s">
        <v>28</v>
      </c>
      <c r="H14" s="19" t="s">
        <v>28</v>
      </c>
      <c r="I14" s="19" t="s">
        <v>1113</v>
      </c>
      <c r="J14" s="19" t="s">
        <v>1237</v>
      </c>
      <c r="K14" s="19" t="s">
        <v>1085</v>
      </c>
      <c r="L14" s="19" t="s">
        <v>1086</v>
      </c>
      <c r="M14" s="19" t="s">
        <v>1087</v>
      </c>
      <c r="N14" s="19" t="s">
        <v>28</v>
      </c>
    </row>
    <row r="15" spans="1:14" s="1" customFormat="1" ht="15" customHeight="1" x14ac:dyDescent="0.15">
      <c r="B15" s="19" t="s">
        <v>1134</v>
      </c>
      <c r="C15" s="19" t="s">
        <v>1180</v>
      </c>
      <c r="D15" s="19" t="s">
        <v>1180</v>
      </c>
      <c r="E15" s="19" t="s">
        <v>1081</v>
      </c>
      <c r="F15" s="19" t="s">
        <v>1238</v>
      </c>
      <c r="G15" s="19" t="s">
        <v>28</v>
      </c>
      <c r="H15" s="19" t="s">
        <v>28</v>
      </c>
      <c r="I15" s="19" t="s">
        <v>1113</v>
      </c>
      <c r="J15" s="19" t="s">
        <v>28</v>
      </c>
      <c r="K15" s="19" t="s">
        <v>1085</v>
      </c>
      <c r="L15" s="19" t="s">
        <v>1086</v>
      </c>
      <c r="M15" s="19" t="s">
        <v>1087</v>
      </c>
      <c r="N15" s="19" t="s">
        <v>28</v>
      </c>
    </row>
    <row r="16" spans="1:14" s="1" customFormat="1" ht="15" customHeight="1" x14ac:dyDescent="0.15">
      <c r="B16" s="19" t="s">
        <v>1136</v>
      </c>
      <c r="C16" s="19" t="s">
        <v>1180</v>
      </c>
      <c r="D16" s="19" t="s">
        <v>1180</v>
      </c>
      <c r="E16" s="19" t="s">
        <v>1081</v>
      </c>
      <c r="F16" s="19" t="s">
        <v>1239</v>
      </c>
      <c r="G16" s="19" t="s">
        <v>28</v>
      </c>
      <c r="H16" s="19" t="s">
        <v>28</v>
      </c>
      <c r="I16" s="19" t="s">
        <v>1186</v>
      </c>
      <c r="J16" s="19" t="s">
        <v>1237</v>
      </c>
      <c r="K16" s="19" t="s">
        <v>1085</v>
      </c>
      <c r="L16" s="19" t="s">
        <v>1086</v>
      </c>
      <c r="M16" s="19" t="s">
        <v>1087</v>
      </c>
      <c r="N16" s="19" t="s">
        <v>28</v>
      </c>
    </row>
    <row r="18" spans="1:10" s="1" customFormat="1" ht="15" customHeight="1" x14ac:dyDescent="0.15">
      <c r="A18" s="16" t="s">
        <v>1178</v>
      </c>
      <c r="B18" s="17" t="s">
        <v>1066</v>
      </c>
      <c r="C18" s="17" t="s">
        <v>1067</v>
      </c>
      <c r="D18" s="17" t="s">
        <v>1068</v>
      </c>
      <c r="E18" s="17" t="s">
        <v>1069</v>
      </c>
      <c r="F18" s="17" t="s">
        <v>1070</v>
      </c>
      <c r="G18" s="17" t="s">
        <v>1071</v>
      </c>
      <c r="H18" s="17" t="s">
        <v>1072</v>
      </c>
      <c r="I18" s="17" t="s">
        <v>1179</v>
      </c>
      <c r="J18" s="18" t="s">
        <v>1078</v>
      </c>
    </row>
    <row r="19" spans="1:10" s="1" customFormat="1" ht="15" customHeight="1" x14ac:dyDescent="0.15">
      <c r="B19" s="19"/>
      <c r="C19" s="19"/>
      <c r="D19" s="19"/>
      <c r="E19" s="19"/>
      <c r="F19" s="19"/>
      <c r="G19" s="19"/>
      <c r="H19" s="19"/>
      <c r="I19" s="19"/>
      <c r="J19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DDDDAC-45AC-4171-8211-26BAD0A17417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3" sqref="C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20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20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20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0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0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079</v>
      </c>
      <c r="C11" s="19" t="s">
        <v>1180</v>
      </c>
      <c r="D11" s="19" t="s">
        <v>1180</v>
      </c>
      <c r="E11" s="19" t="s">
        <v>1081</v>
      </c>
      <c r="F11" s="19" t="s">
        <v>1185</v>
      </c>
      <c r="G11" s="19" t="s">
        <v>1240</v>
      </c>
      <c r="H11" s="19" t="s">
        <v>28</v>
      </c>
      <c r="I11" s="19" t="s">
        <v>1241</v>
      </c>
      <c r="J11" s="19" t="s">
        <v>28</v>
      </c>
      <c r="K11" s="19" t="s">
        <v>1242</v>
      </c>
      <c r="L11" s="19" t="s">
        <v>1242</v>
      </c>
      <c r="M11" s="19" t="s">
        <v>1242</v>
      </c>
      <c r="N11" s="19" t="s">
        <v>1243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2B1AFF-67C4-4AED-A824-0AF8275BE6A3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6" sqref="E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21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21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21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1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1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26B7DA-A2C3-43C7-86BE-DB50F4AE6E18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5" sqref="C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22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22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22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2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2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244</v>
      </c>
      <c r="C11" s="19" t="s">
        <v>1180</v>
      </c>
      <c r="D11" s="19" t="s">
        <v>1180</v>
      </c>
      <c r="E11" s="19" t="s">
        <v>1081</v>
      </c>
      <c r="F11" s="19" t="s">
        <v>1245</v>
      </c>
      <c r="G11" s="19" t="s">
        <v>28</v>
      </c>
      <c r="H11" s="19" t="s">
        <v>28</v>
      </c>
      <c r="I11" s="19" t="s">
        <v>1155</v>
      </c>
      <c r="J11" s="19" t="s">
        <v>28</v>
      </c>
      <c r="K11" s="19" t="s">
        <v>1087</v>
      </c>
      <c r="L11" s="19" t="s">
        <v>1086</v>
      </c>
      <c r="M11" s="19" t="s">
        <v>1087</v>
      </c>
      <c r="N11" s="19" t="s">
        <v>1246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C474C9-94A6-4FD1-AB7D-3DB9F56B8807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G30" sqref="G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23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23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24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3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4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247</v>
      </c>
      <c r="C11" s="19" t="s">
        <v>1180</v>
      </c>
      <c r="D11" s="19" t="s">
        <v>1180</v>
      </c>
      <c r="E11" s="19" t="s">
        <v>1081</v>
      </c>
      <c r="F11" s="19" t="s">
        <v>1248</v>
      </c>
      <c r="G11" s="19" t="s">
        <v>28</v>
      </c>
      <c r="H11" s="19" t="s">
        <v>28</v>
      </c>
      <c r="I11" s="19" t="s">
        <v>1235</v>
      </c>
      <c r="J11" s="19" t="s">
        <v>28</v>
      </c>
      <c r="K11" s="19" t="s">
        <v>1087</v>
      </c>
      <c r="L11" s="19" t="s">
        <v>1201</v>
      </c>
      <c r="M11" s="19" t="s">
        <v>1087</v>
      </c>
      <c r="N11" s="19" t="s">
        <v>1249</v>
      </c>
    </row>
    <row r="12" spans="1:14" s="1" customFormat="1" ht="15" customHeight="1" x14ac:dyDescent="0.15">
      <c r="B12" s="19" t="s">
        <v>1250</v>
      </c>
      <c r="C12" s="19" t="s">
        <v>1180</v>
      </c>
      <c r="D12" s="19" t="s">
        <v>1180</v>
      </c>
      <c r="E12" s="19" t="s">
        <v>1081</v>
      </c>
      <c r="F12" s="19" t="s">
        <v>28</v>
      </c>
      <c r="G12" s="19" t="s">
        <v>28</v>
      </c>
      <c r="H12" s="19" t="s">
        <v>28</v>
      </c>
      <c r="I12" s="19" t="s">
        <v>1119</v>
      </c>
      <c r="J12" s="19" t="s">
        <v>28</v>
      </c>
      <c r="K12" s="19" t="s">
        <v>1087</v>
      </c>
      <c r="L12" s="19" t="s">
        <v>1201</v>
      </c>
      <c r="M12" s="19" t="s">
        <v>1087</v>
      </c>
      <c r="N12" s="19" t="s">
        <v>1251</v>
      </c>
    </row>
    <row r="14" spans="1:14" s="1" customFormat="1" ht="15" customHeight="1" x14ac:dyDescent="0.15">
      <c r="A14" s="16" t="s">
        <v>1178</v>
      </c>
      <c r="B14" s="17" t="s">
        <v>1066</v>
      </c>
      <c r="C14" s="17" t="s">
        <v>1067</v>
      </c>
      <c r="D14" s="17" t="s">
        <v>1068</v>
      </c>
      <c r="E14" s="17" t="s">
        <v>1069</v>
      </c>
      <c r="F14" s="17" t="s">
        <v>1070</v>
      </c>
      <c r="G14" s="17" t="s">
        <v>1071</v>
      </c>
      <c r="H14" s="17" t="s">
        <v>1072</v>
      </c>
      <c r="I14" s="17" t="s">
        <v>1179</v>
      </c>
      <c r="J14" s="18" t="s">
        <v>1078</v>
      </c>
    </row>
    <row r="15" spans="1:14" s="1" customFormat="1" ht="15" customHeight="1" x14ac:dyDescent="0.15">
      <c r="B15" s="19"/>
      <c r="C15" s="19"/>
      <c r="D15" s="19"/>
      <c r="E15" s="19"/>
      <c r="F15" s="19"/>
      <c r="G15" s="19"/>
      <c r="H15" s="19"/>
      <c r="I15" s="19"/>
      <c r="J15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648D9D-5235-44D2-9E1B-3E0586865023}">
  <sheetPr>
    <pageSetUpPr fitToPage="1"/>
  </sheetPr>
  <dimension ref="A2:N90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J7" sqref="J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24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24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24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4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4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252</v>
      </c>
      <c r="C11" s="19" t="s">
        <v>1130</v>
      </c>
      <c r="D11" s="19" t="s">
        <v>1130</v>
      </c>
      <c r="E11" s="19" t="s">
        <v>1253</v>
      </c>
      <c r="F11" s="19" t="s">
        <v>1254</v>
      </c>
      <c r="G11" s="19" t="s">
        <v>28</v>
      </c>
      <c r="H11" s="19" t="s">
        <v>28</v>
      </c>
      <c r="I11" s="19" t="s">
        <v>28</v>
      </c>
      <c r="J11" s="19" t="s">
        <v>28</v>
      </c>
      <c r="K11" s="19" t="s">
        <v>1085</v>
      </c>
      <c r="L11" s="19" t="s">
        <v>1201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255</v>
      </c>
      <c r="C12" s="19" t="s">
        <v>1130</v>
      </c>
      <c r="D12" s="19" t="s">
        <v>1130</v>
      </c>
      <c r="E12" s="19" t="s">
        <v>1081</v>
      </c>
      <c r="F12" s="19" t="s">
        <v>1110</v>
      </c>
      <c r="G12" s="19" t="s">
        <v>28</v>
      </c>
      <c r="H12" s="19" t="s">
        <v>28</v>
      </c>
      <c r="I12" s="19" t="s">
        <v>28</v>
      </c>
      <c r="J12" s="19" t="s">
        <v>1084</v>
      </c>
      <c r="K12" s="19" t="s">
        <v>1085</v>
      </c>
      <c r="L12" s="19" t="s">
        <v>1201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256</v>
      </c>
      <c r="C13" s="19" t="s">
        <v>1130</v>
      </c>
      <c r="D13" s="19" t="s">
        <v>1130</v>
      </c>
      <c r="E13" s="19" t="s">
        <v>1257</v>
      </c>
      <c r="F13" s="19" t="s">
        <v>1210</v>
      </c>
      <c r="G13" s="19" t="s">
        <v>28</v>
      </c>
      <c r="H13" s="19" t="s">
        <v>28</v>
      </c>
      <c r="I13" s="19" t="s">
        <v>28</v>
      </c>
      <c r="J13" s="19" t="s">
        <v>1084</v>
      </c>
      <c r="K13" s="19" t="s">
        <v>1085</v>
      </c>
      <c r="L13" s="19" t="s">
        <v>1201</v>
      </c>
      <c r="M13" s="19" t="s">
        <v>1087</v>
      </c>
      <c r="N13" s="19" t="s">
        <v>28</v>
      </c>
    </row>
    <row r="14" spans="1:14" s="1" customFormat="1" ht="15" customHeight="1" x14ac:dyDescent="0.15">
      <c r="B14" s="19" t="s">
        <v>1258</v>
      </c>
      <c r="C14" s="19" t="s">
        <v>1130</v>
      </c>
      <c r="D14" s="19" t="s">
        <v>1130</v>
      </c>
      <c r="E14" s="19" t="s">
        <v>1253</v>
      </c>
      <c r="F14" s="19" t="s">
        <v>1259</v>
      </c>
      <c r="G14" s="19" t="s">
        <v>28</v>
      </c>
      <c r="H14" s="19" t="s">
        <v>28</v>
      </c>
      <c r="I14" s="19" t="s">
        <v>28</v>
      </c>
      <c r="J14" s="19" t="s">
        <v>1084</v>
      </c>
      <c r="K14" s="19" t="s">
        <v>1085</v>
      </c>
      <c r="L14" s="19" t="s">
        <v>1201</v>
      </c>
      <c r="M14" s="19" t="s">
        <v>1087</v>
      </c>
      <c r="N14" s="19" t="s">
        <v>28</v>
      </c>
    </row>
    <row r="15" spans="1:14" s="1" customFormat="1" ht="15" customHeight="1" x14ac:dyDescent="0.15">
      <c r="B15" s="19" t="s">
        <v>1260</v>
      </c>
      <c r="C15" s="19" t="s">
        <v>1130</v>
      </c>
      <c r="D15" s="19" t="s">
        <v>1130</v>
      </c>
      <c r="E15" s="19" t="s">
        <v>1081</v>
      </c>
      <c r="F15" s="19" t="s">
        <v>1210</v>
      </c>
      <c r="G15" s="19" t="s">
        <v>28</v>
      </c>
      <c r="H15" s="19" t="s">
        <v>28</v>
      </c>
      <c r="I15" s="19" t="s">
        <v>28</v>
      </c>
      <c r="J15" s="19" t="s">
        <v>1084</v>
      </c>
      <c r="K15" s="19" t="s">
        <v>1085</v>
      </c>
      <c r="L15" s="19" t="s">
        <v>1201</v>
      </c>
      <c r="M15" s="19" t="s">
        <v>1087</v>
      </c>
      <c r="N15" s="19" t="s">
        <v>28</v>
      </c>
    </row>
    <row r="16" spans="1:14" s="1" customFormat="1" ht="15" customHeight="1" x14ac:dyDescent="0.15">
      <c r="B16" s="19" t="s">
        <v>1261</v>
      </c>
      <c r="C16" s="19" t="s">
        <v>1130</v>
      </c>
      <c r="D16" s="19" t="s">
        <v>1130</v>
      </c>
      <c r="E16" s="19" t="s">
        <v>1257</v>
      </c>
      <c r="F16" s="19" t="s">
        <v>1210</v>
      </c>
      <c r="G16" s="19" t="s">
        <v>28</v>
      </c>
      <c r="H16" s="19" t="s">
        <v>28</v>
      </c>
      <c r="I16" s="19" t="s">
        <v>28</v>
      </c>
      <c r="J16" s="19" t="s">
        <v>1084</v>
      </c>
      <c r="K16" s="19" t="s">
        <v>1085</v>
      </c>
      <c r="L16" s="19" t="s">
        <v>1201</v>
      </c>
      <c r="M16" s="19" t="s">
        <v>1087</v>
      </c>
      <c r="N16" s="19" t="s">
        <v>28</v>
      </c>
    </row>
    <row r="17" spans="2:14" s="1" customFormat="1" ht="15" customHeight="1" x14ac:dyDescent="0.15">
      <c r="B17" s="19" t="s">
        <v>1262</v>
      </c>
      <c r="C17" s="19" t="s">
        <v>1130</v>
      </c>
      <c r="D17" s="19" t="s">
        <v>1130</v>
      </c>
      <c r="E17" s="19" t="s">
        <v>1081</v>
      </c>
      <c r="F17" s="19" t="s">
        <v>1263</v>
      </c>
      <c r="G17" s="19" t="s">
        <v>28</v>
      </c>
      <c r="H17" s="19" t="s">
        <v>28</v>
      </c>
      <c r="I17" s="19" t="s">
        <v>28</v>
      </c>
      <c r="J17" s="19" t="s">
        <v>1084</v>
      </c>
      <c r="K17" s="19" t="s">
        <v>1085</v>
      </c>
      <c r="L17" s="19" t="s">
        <v>1201</v>
      </c>
      <c r="M17" s="19" t="s">
        <v>1087</v>
      </c>
      <c r="N17" s="19" t="s">
        <v>28</v>
      </c>
    </row>
    <row r="18" spans="2:14" s="1" customFormat="1" ht="15" customHeight="1" x14ac:dyDescent="0.15">
      <c r="B18" s="19" t="s">
        <v>1264</v>
      </c>
      <c r="C18" s="19" t="s">
        <v>1130</v>
      </c>
      <c r="D18" s="19" t="s">
        <v>1130</v>
      </c>
      <c r="E18" s="19" t="s">
        <v>1081</v>
      </c>
      <c r="F18" s="19" t="s">
        <v>1265</v>
      </c>
      <c r="G18" s="19" t="s">
        <v>28</v>
      </c>
      <c r="H18" s="19" t="s">
        <v>28</v>
      </c>
      <c r="I18" s="19" t="s">
        <v>28</v>
      </c>
      <c r="J18" s="19" t="s">
        <v>1084</v>
      </c>
      <c r="K18" s="19" t="s">
        <v>1085</v>
      </c>
      <c r="L18" s="19" t="s">
        <v>1201</v>
      </c>
      <c r="M18" s="19" t="s">
        <v>1087</v>
      </c>
      <c r="N18" s="19" t="s">
        <v>28</v>
      </c>
    </row>
    <row r="19" spans="2:14" s="1" customFormat="1" ht="15" customHeight="1" x14ac:dyDescent="0.15">
      <c r="B19" s="19" t="s">
        <v>1266</v>
      </c>
      <c r="C19" s="19" t="s">
        <v>1130</v>
      </c>
      <c r="D19" s="19" t="s">
        <v>1130</v>
      </c>
      <c r="E19" s="19" t="s">
        <v>1198</v>
      </c>
      <c r="F19" s="19" t="s">
        <v>1267</v>
      </c>
      <c r="G19" s="19" t="s">
        <v>28</v>
      </c>
      <c r="H19" s="19" t="s">
        <v>28</v>
      </c>
      <c r="I19" s="19" t="s">
        <v>28</v>
      </c>
      <c r="J19" s="19" t="s">
        <v>1084</v>
      </c>
      <c r="K19" s="19" t="s">
        <v>1085</v>
      </c>
      <c r="L19" s="19" t="s">
        <v>1201</v>
      </c>
      <c r="M19" s="19" t="s">
        <v>1087</v>
      </c>
      <c r="N19" s="19" t="s">
        <v>28</v>
      </c>
    </row>
    <row r="20" spans="2:14" s="1" customFormat="1" ht="15" customHeight="1" x14ac:dyDescent="0.15">
      <c r="B20" s="19" t="s">
        <v>1268</v>
      </c>
      <c r="C20" s="19" t="s">
        <v>1130</v>
      </c>
      <c r="D20" s="19" t="s">
        <v>1130</v>
      </c>
      <c r="E20" s="19" t="s">
        <v>1081</v>
      </c>
      <c r="F20" s="19" t="s">
        <v>1269</v>
      </c>
      <c r="G20" s="19" t="s">
        <v>28</v>
      </c>
      <c r="H20" s="19" t="s">
        <v>28</v>
      </c>
      <c r="I20" s="19" t="s">
        <v>28</v>
      </c>
      <c r="J20" s="19" t="s">
        <v>1084</v>
      </c>
      <c r="K20" s="19" t="s">
        <v>1085</v>
      </c>
      <c r="L20" s="19" t="s">
        <v>1201</v>
      </c>
      <c r="M20" s="19" t="s">
        <v>1087</v>
      </c>
      <c r="N20" s="19" t="s">
        <v>28</v>
      </c>
    </row>
    <row r="21" spans="2:14" s="1" customFormat="1" ht="15" customHeight="1" x14ac:dyDescent="0.15">
      <c r="B21" s="19" t="s">
        <v>1270</v>
      </c>
      <c r="C21" s="19" t="s">
        <v>1130</v>
      </c>
      <c r="D21" s="19" t="s">
        <v>1130</v>
      </c>
      <c r="E21" s="19" t="s">
        <v>1081</v>
      </c>
      <c r="F21" s="19" t="s">
        <v>1271</v>
      </c>
      <c r="G21" s="19" t="s">
        <v>28</v>
      </c>
      <c r="H21" s="19" t="s">
        <v>28</v>
      </c>
      <c r="I21" s="19" t="s">
        <v>28</v>
      </c>
      <c r="J21" s="19" t="s">
        <v>1084</v>
      </c>
      <c r="K21" s="19" t="s">
        <v>1085</v>
      </c>
      <c r="L21" s="19" t="s">
        <v>1201</v>
      </c>
      <c r="M21" s="19" t="s">
        <v>1087</v>
      </c>
      <c r="N21" s="19" t="s">
        <v>28</v>
      </c>
    </row>
    <row r="22" spans="2:14" s="1" customFormat="1" ht="15" customHeight="1" x14ac:dyDescent="0.15">
      <c r="B22" s="19" t="s">
        <v>1272</v>
      </c>
      <c r="C22" s="19" t="s">
        <v>1130</v>
      </c>
      <c r="D22" s="19" t="s">
        <v>1130</v>
      </c>
      <c r="E22" s="19" t="s">
        <v>1081</v>
      </c>
      <c r="F22" s="19" t="s">
        <v>1254</v>
      </c>
      <c r="G22" s="19" t="s">
        <v>28</v>
      </c>
      <c r="H22" s="19" t="s">
        <v>28</v>
      </c>
      <c r="I22" s="19" t="s">
        <v>28</v>
      </c>
      <c r="J22" s="19" t="s">
        <v>1084</v>
      </c>
      <c r="K22" s="19" t="s">
        <v>1085</v>
      </c>
      <c r="L22" s="19" t="s">
        <v>1201</v>
      </c>
      <c r="M22" s="19" t="s">
        <v>1087</v>
      </c>
      <c r="N22" s="19" t="s">
        <v>28</v>
      </c>
    </row>
    <row r="23" spans="2:14" s="1" customFormat="1" ht="15" customHeight="1" x14ac:dyDescent="0.15">
      <c r="B23" s="19" t="s">
        <v>1273</v>
      </c>
      <c r="C23" s="19" t="s">
        <v>1130</v>
      </c>
      <c r="D23" s="19" t="s">
        <v>1130</v>
      </c>
      <c r="E23" s="19" t="s">
        <v>1274</v>
      </c>
      <c r="F23" s="19" t="s">
        <v>1100</v>
      </c>
      <c r="G23" s="19" t="s">
        <v>28</v>
      </c>
      <c r="H23" s="19" t="s">
        <v>28</v>
      </c>
      <c r="I23" s="19" t="s">
        <v>28</v>
      </c>
      <c r="J23" s="19" t="s">
        <v>1084</v>
      </c>
      <c r="K23" s="19" t="s">
        <v>1085</v>
      </c>
      <c r="L23" s="19" t="s">
        <v>1201</v>
      </c>
      <c r="M23" s="19" t="s">
        <v>1087</v>
      </c>
      <c r="N23" s="19" t="s">
        <v>28</v>
      </c>
    </row>
    <row r="24" spans="2:14" s="1" customFormat="1" ht="15" customHeight="1" x14ac:dyDescent="0.15">
      <c r="B24" s="19" t="s">
        <v>1275</v>
      </c>
      <c r="C24" s="19" t="s">
        <v>1130</v>
      </c>
      <c r="D24" s="19" t="s">
        <v>1130</v>
      </c>
      <c r="E24" s="19" t="s">
        <v>1081</v>
      </c>
      <c r="F24" s="19" t="s">
        <v>1110</v>
      </c>
      <c r="G24" s="19" t="s">
        <v>28</v>
      </c>
      <c r="H24" s="19" t="s">
        <v>28</v>
      </c>
      <c r="I24" s="19" t="s">
        <v>28</v>
      </c>
      <c r="J24" s="19" t="s">
        <v>1084</v>
      </c>
      <c r="K24" s="19" t="s">
        <v>1085</v>
      </c>
      <c r="L24" s="19" t="s">
        <v>1201</v>
      </c>
      <c r="M24" s="19" t="s">
        <v>1087</v>
      </c>
      <c r="N24" s="19" t="s">
        <v>28</v>
      </c>
    </row>
    <row r="25" spans="2:14" s="1" customFormat="1" ht="15" customHeight="1" x14ac:dyDescent="0.15">
      <c r="B25" s="19" t="s">
        <v>1276</v>
      </c>
      <c r="C25" s="19" t="s">
        <v>1130</v>
      </c>
      <c r="D25" s="19" t="s">
        <v>1130</v>
      </c>
      <c r="E25" s="19" t="s">
        <v>1081</v>
      </c>
      <c r="F25" s="19" t="s">
        <v>1277</v>
      </c>
      <c r="G25" s="19" t="s">
        <v>28</v>
      </c>
      <c r="H25" s="19" t="s">
        <v>28</v>
      </c>
      <c r="I25" s="19" t="s">
        <v>28</v>
      </c>
      <c r="J25" s="19" t="s">
        <v>1084</v>
      </c>
      <c r="K25" s="19" t="s">
        <v>1085</v>
      </c>
      <c r="L25" s="19" t="s">
        <v>1201</v>
      </c>
      <c r="M25" s="19" t="s">
        <v>1087</v>
      </c>
      <c r="N25" s="19" t="s">
        <v>28</v>
      </c>
    </row>
    <row r="26" spans="2:14" s="1" customFormat="1" ht="15" customHeight="1" x14ac:dyDescent="0.15">
      <c r="B26" s="19" t="s">
        <v>1278</v>
      </c>
      <c r="C26" s="19" t="s">
        <v>1130</v>
      </c>
      <c r="D26" s="19" t="s">
        <v>1130</v>
      </c>
      <c r="E26" s="19" t="s">
        <v>1198</v>
      </c>
      <c r="F26" s="19" t="s">
        <v>1279</v>
      </c>
      <c r="G26" s="19" t="s">
        <v>28</v>
      </c>
      <c r="H26" s="19" t="s">
        <v>28</v>
      </c>
      <c r="I26" s="19" t="s">
        <v>28</v>
      </c>
      <c r="J26" s="19" t="s">
        <v>1084</v>
      </c>
      <c r="K26" s="19" t="s">
        <v>1085</v>
      </c>
      <c r="L26" s="19" t="s">
        <v>1201</v>
      </c>
      <c r="M26" s="19" t="s">
        <v>1087</v>
      </c>
      <c r="N26" s="19" t="s">
        <v>28</v>
      </c>
    </row>
    <row r="27" spans="2:14" s="1" customFormat="1" ht="15" customHeight="1" x14ac:dyDescent="0.15">
      <c r="B27" s="19" t="s">
        <v>1280</v>
      </c>
      <c r="C27" s="19" t="s">
        <v>1130</v>
      </c>
      <c r="D27" s="19" t="s">
        <v>1130</v>
      </c>
      <c r="E27" s="19" t="s">
        <v>1081</v>
      </c>
      <c r="F27" s="19" t="s">
        <v>1281</v>
      </c>
      <c r="G27" s="19" t="s">
        <v>28</v>
      </c>
      <c r="H27" s="19" t="s">
        <v>28</v>
      </c>
      <c r="I27" s="19" t="s">
        <v>28</v>
      </c>
      <c r="J27" s="19" t="s">
        <v>1084</v>
      </c>
      <c r="K27" s="19" t="s">
        <v>1085</v>
      </c>
      <c r="L27" s="19" t="s">
        <v>1201</v>
      </c>
      <c r="M27" s="19" t="s">
        <v>1087</v>
      </c>
      <c r="N27" s="19" t="s">
        <v>28</v>
      </c>
    </row>
    <row r="28" spans="2:14" s="1" customFormat="1" ht="15" customHeight="1" x14ac:dyDescent="0.15">
      <c r="B28" s="19" t="s">
        <v>1282</v>
      </c>
      <c r="C28" s="19" t="s">
        <v>1130</v>
      </c>
      <c r="D28" s="19" t="s">
        <v>1130</v>
      </c>
      <c r="E28" s="19" t="s">
        <v>1207</v>
      </c>
      <c r="F28" s="19" t="s">
        <v>1283</v>
      </c>
      <c r="G28" s="19" t="s">
        <v>28</v>
      </c>
      <c r="H28" s="19" t="s">
        <v>28</v>
      </c>
      <c r="I28" s="19" t="s">
        <v>28</v>
      </c>
      <c r="J28" s="19" t="s">
        <v>1084</v>
      </c>
      <c r="K28" s="19" t="s">
        <v>1085</v>
      </c>
      <c r="L28" s="19" t="s">
        <v>1201</v>
      </c>
      <c r="M28" s="19" t="s">
        <v>1087</v>
      </c>
      <c r="N28" s="19" t="s">
        <v>28</v>
      </c>
    </row>
    <row r="29" spans="2:14" s="1" customFormat="1" ht="15" customHeight="1" x14ac:dyDescent="0.15">
      <c r="B29" s="19" t="s">
        <v>1284</v>
      </c>
      <c r="C29" s="19" t="s">
        <v>1130</v>
      </c>
      <c r="D29" s="19" t="s">
        <v>1130</v>
      </c>
      <c r="E29" s="19" t="s">
        <v>1081</v>
      </c>
      <c r="F29" s="19" t="s">
        <v>1285</v>
      </c>
      <c r="G29" s="19" t="s">
        <v>28</v>
      </c>
      <c r="H29" s="19" t="s">
        <v>28</v>
      </c>
      <c r="I29" s="19" t="s">
        <v>28</v>
      </c>
      <c r="J29" s="19" t="s">
        <v>1084</v>
      </c>
      <c r="K29" s="19" t="s">
        <v>1085</v>
      </c>
      <c r="L29" s="19" t="s">
        <v>1201</v>
      </c>
      <c r="M29" s="19" t="s">
        <v>1087</v>
      </c>
      <c r="N29" s="19" t="s">
        <v>28</v>
      </c>
    </row>
    <row r="30" spans="2:14" s="1" customFormat="1" ht="15" customHeight="1" x14ac:dyDescent="0.15">
      <c r="B30" s="19" t="s">
        <v>1286</v>
      </c>
      <c r="C30" s="19" t="s">
        <v>1130</v>
      </c>
      <c r="D30" s="19" t="s">
        <v>1130</v>
      </c>
      <c r="E30" s="19" t="s">
        <v>1081</v>
      </c>
      <c r="F30" s="19" t="s">
        <v>1263</v>
      </c>
      <c r="G30" s="19" t="s">
        <v>28</v>
      </c>
      <c r="H30" s="19" t="s">
        <v>28</v>
      </c>
      <c r="I30" s="19" t="s">
        <v>28</v>
      </c>
      <c r="J30" s="19" t="s">
        <v>1084</v>
      </c>
      <c r="K30" s="19" t="s">
        <v>1085</v>
      </c>
      <c r="L30" s="19" t="s">
        <v>1201</v>
      </c>
      <c r="M30" s="19" t="s">
        <v>1087</v>
      </c>
      <c r="N30" s="19" t="s">
        <v>28</v>
      </c>
    </row>
    <row r="31" spans="2:14" s="1" customFormat="1" ht="15" customHeight="1" x14ac:dyDescent="0.15">
      <c r="B31" s="19" t="s">
        <v>1287</v>
      </c>
      <c r="C31" s="19" t="s">
        <v>1130</v>
      </c>
      <c r="D31" s="19" t="s">
        <v>1130</v>
      </c>
      <c r="E31" s="19" t="s">
        <v>1081</v>
      </c>
      <c r="F31" s="19" t="s">
        <v>1288</v>
      </c>
      <c r="G31" s="19" t="s">
        <v>28</v>
      </c>
      <c r="H31" s="19" t="s">
        <v>28</v>
      </c>
      <c r="I31" s="19" t="s">
        <v>28</v>
      </c>
      <c r="J31" s="19" t="s">
        <v>1084</v>
      </c>
      <c r="K31" s="19" t="s">
        <v>1085</v>
      </c>
      <c r="L31" s="19" t="s">
        <v>1201</v>
      </c>
      <c r="M31" s="19" t="s">
        <v>1087</v>
      </c>
      <c r="N31" s="19" t="s">
        <v>28</v>
      </c>
    </row>
    <row r="32" spans="2:14" s="1" customFormat="1" ht="15" customHeight="1" x14ac:dyDescent="0.15">
      <c r="B32" s="19" t="s">
        <v>1289</v>
      </c>
      <c r="C32" s="19" t="s">
        <v>1130</v>
      </c>
      <c r="D32" s="19" t="s">
        <v>1130</v>
      </c>
      <c r="E32" s="19" t="s">
        <v>1081</v>
      </c>
      <c r="F32" s="19" t="s">
        <v>1290</v>
      </c>
      <c r="G32" s="19" t="s">
        <v>28</v>
      </c>
      <c r="H32" s="19" t="s">
        <v>28</v>
      </c>
      <c r="I32" s="19" t="s">
        <v>28</v>
      </c>
      <c r="J32" s="19" t="s">
        <v>1084</v>
      </c>
      <c r="K32" s="19" t="s">
        <v>1085</v>
      </c>
      <c r="L32" s="19" t="s">
        <v>1201</v>
      </c>
      <c r="M32" s="19" t="s">
        <v>1087</v>
      </c>
      <c r="N32" s="19" t="s">
        <v>28</v>
      </c>
    </row>
    <row r="33" spans="2:14" s="1" customFormat="1" ht="15" customHeight="1" x14ac:dyDescent="0.15">
      <c r="B33" s="19" t="s">
        <v>1291</v>
      </c>
      <c r="C33" s="19" t="s">
        <v>1130</v>
      </c>
      <c r="D33" s="19" t="s">
        <v>1130</v>
      </c>
      <c r="E33" s="19" t="s">
        <v>1081</v>
      </c>
      <c r="F33" s="19" t="s">
        <v>1267</v>
      </c>
      <c r="G33" s="19" t="s">
        <v>28</v>
      </c>
      <c r="H33" s="19" t="s">
        <v>28</v>
      </c>
      <c r="I33" s="19" t="s">
        <v>28</v>
      </c>
      <c r="J33" s="19" t="s">
        <v>1084</v>
      </c>
      <c r="K33" s="19" t="s">
        <v>1085</v>
      </c>
      <c r="L33" s="19" t="s">
        <v>1201</v>
      </c>
      <c r="M33" s="19" t="s">
        <v>1087</v>
      </c>
      <c r="N33" s="19" t="s">
        <v>28</v>
      </c>
    </row>
    <row r="34" spans="2:14" s="1" customFormat="1" ht="15" customHeight="1" x14ac:dyDescent="0.15">
      <c r="B34" s="19" t="s">
        <v>1292</v>
      </c>
      <c r="C34" s="19" t="s">
        <v>1130</v>
      </c>
      <c r="D34" s="19" t="s">
        <v>1130</v>
      </c>
      <c r="E34" s="19" t="s">
        <v>1198</v>
      </c>
      <c r="F34" s="19" t="s">
        <v>1293</v>
      </c>
      <c r="G34" s="19" t="s">
        <v>28</v>
      </c>
      <c r="H34" s="19" t="s">
        <v>28</v>
      </c>
      <c r="I34" s="19" t="s">
        <v>28</v>
      </c>
      <c r="J34" s="19" t="s">
        <v>1084</v>
      </c>
      <c r="K34" s="19" t="s">
        <v>1085</v>
      </c>
      <c r="L34" s="19" t="s">
        <v>1201</v>
      </c>
      <c r="M34" s="19" t="s">
        <v>1087</v>
      </c>
      <c r="N34" s="19" t="s">
        <v>28</v>
      </c>
    </row>
    <row r="35" spans="2:14" s="1" customFormat="1" ht="15" customHeight="1" x14ac:dyDescent="0.15">
      <c r="B35" s="19" t="s">
        <v>1294</v>
      </c>
      <c r="C35" s="19" t="s">
        <v>1130</v>
      </c>
      <c r="D35" s="19" t="s">
        <v>1130</v>
      </c>
      <c r="E35" s="19" t="s">
        <v>1081</v>
      </c>
      <c r="F35" s="19" t="s">
        <v>1295</v>
      </c>
      <c r="G35" s="19" t="s">
        <v>28</v>
      </c>
      <c r="H35" s="19" t="s">
        <v>28</v>
      </c>
      <c r="I35" s="19" t="s">
        <v>28</v>
      </c>
      <c r="J35" s="19" t="s">
        <v>1084</v>
      </c>
      <c r="K35" s="19" t="s">
        <v>1085</v>
      </c>
      <c r="L35" s="19" t="s">
        <v>1201</v>
      </c>
      <c r="M35" s="19" t="s">
        <v>1087</v>
      </c>
      <c r="N35" s="19" t="s">
        <v>28</v>
      </c>
    </row>
    <row r="36" spans="2:14" s="1" customFormat="1" ht="15" customHeight="1" x14ac:dyDescent="0.15">
      <c r="B36" s="19" t="s">
        <v>1296</v>
      </c>
      <c r="C36" s="19" t="s">
        <v>1130</v>
      </c>
      <c r="D36" s="19" t="s">
        <v>1130</v>
      </c>
      <c r="E36" s="19" t="s">
        <v>1081</v>
      </c>
      <c r="F36" s="19" t="s">
        <v>1263</v>
      </c>
      <c r="G36" s="19" t="s">
        <v>28</v>
      </c>
      <c r="H36" s="19" t="s">
        <v>28</v>
      </c>
      <c r="I36" s="19" t="s">
        <v>28</v>
      </c>
      <c r="J36" s="19" t="s">
        <v>1084</v>
      </c>
      <c r="K36" s="19" t="s">
        <v>1085</v>
      </c>
      <c r="L36" s="19" t="s">
        <v>1201</v>
      </c>
      <c r="M36" s="19" t="s">
        <v>1087</v>
      </c>
      <c r="N36" s="19" t="s">
        <v>28</v>
      </c>
    </row>
    <row r="37" spans="2:14" s="1" customFormat="1" ht="15" customHeight="1" x14ac:dyDescent="0.15">
      <c r="B37" s="19" t="s">
        <v>1297</v>
      </c>
      <c r="C37" s="19" t="s">
        <v>1130</v>
      </c>
      <c r="D37" s="19" t="s">
        <v>1130</v>
      </c>
      <c r="E37" s="19" t="s">
        <v>1081</v>
      </c>
      <c r="F37" s="19" t="s">
        <v>1298</v>
      </c>
      <c r="G37" s="19" t="s">
        <v>28</v>
      </c>
      <c r="H37" s="19" t="s">
        <v>28</v>
      </c>
      <c r="I37" s="19" t="s">
        <v>28</v>
      </c>
      <c r="J37" s="19" t="s">
        <v>1084</v>
      </c>
      <c r="K37" s="19" t="s">
        <v>1085</v>
      </c>
      <c r="L37" s="19" t="s">
        <v>1201</v>
      </c>
      <c r="M37" s="19" t="s">
        <v>1087</v>
      </c>
      <c r="N37" s="19" t="s">
        <v>28</v>
      </c>
    </row>
    <row r="38" spans="2:14" s="1" customFormat="1" ht="15" customHeight="1" x14ac:dyDescent="0.15">
      <c r="B38" s="19" t="s">
        <v>1299</v>
      </c>
      <c r="C38" s="19" t="s">
        <v>1130</v>
      </c>
      <c r="D38" s="19" t="s">
        <v>1130</v>
      </c>
      <c r="E38" s="19" t="s">
        <v>1081</v>
      </c>
      <c r="F38" s="19" t="s">
        <v>1300</v>
      </c>
      <c r="G38" s="19" t="s">
        <v>28</v>
      </c>
      <c r="H38" s="19" t="s">
        <v>28</v>
      </c>
      <c r="I38" s="19" t="s">
        <v>28</v>
      </c>
      <c r="J38" s="19" t="s">
        <v>1084</v>
      </c>
      <c r="K38" s="19" t="s">
        <v>1085</v>
      </c>
      <c r="L38" s="19" t="s">
        <v>1201</v>
      </c>
      <c r="M38" s="19" t="s">
        <v>1087</v>
      </c>
      <c r="N38" s="19" t="s">
        <v>28</v>
      </c>
    </row>
    <row r="39" spans="2:14" s="1" customFormat="1" ht="15" customHeight="1" x14ac:dyDescent="0.15">
      <c r="B39" s="19" t="s">
        <v>1301</v>
      </c>
      <c r="C39" s="19" t="s">
        <v>1130</v>
      </c>
      <c r="D39" s="19" t="s">
        <v>1130</v>
      </c>
      <c r="E39" s="19" t="s">
        <v>1081</v>
      </c>
      <c r="F39" s="19" t="s">
        <v>1263</v>
      </c>
      <c r="G39" s="19" t="s">
        <v>28</v>
      </c>
      <c r="H39" s="19" t="s">
        <v>28</v>
      </c>
      <c r="I39" s="19" t="s">
        <v>28</v>
      </c>
      <c r="J39" s="19" t="s">
        <v>1084</v>
      </c>
      <c r="K39" s="19" t="s">
        <v>1085</v>
      </c>
      <c r="L39" s="19" t="s">
        <v>1201</v>
      </c>
      <c r="M39" s="19" t="s">
        <v>1087</v>
      </c>
      <c r="N39" s="19" t="s">
        <v>28</v>
      </c>
    </row>
    <row r="40" spans="2:14" s="1" customFormat="1" ht="15" customHeight="1" x14ac:dyDescent="0.15">
      <c r="B40" s="19" t="s">
        <v>1302</v>
      </c>
      <c r="C40" s="19" t="s">
        <v>1130</v>
      </c>
      <c r="D40" s="19" t="s">
        <v>1130</v>
      </c>
      <c r="E40" s="19" t="s">
        <v>1081</v>
      </c>
      <c r="F40" s="19" t="s">
        <v>1131</v>
      </c>
      <c r="G40" s="19" t="s">
        <v>28</v>
      </c>
      <c r="H40" s="19" t="s">
        <v>28</v>
      </c>
      <c r="I40" s="19" t="s">
        <v>28</v>
      </c>
      <c r="J40" s="19" t="s">
        <v>1084</v>
      </c>
      <c r="K40" s="19" t="s">
        <v>1085</v>
      </c>
      <c r="L40" s="19" t="s">
        <v>1201</v>
      </c>
      <c r="M40" s="19" t="s">
        <v>1087</v>
      </c>
      <c r="N40" s="19" t="s">
        <v>28</v>
      </c>
    </row>
    <row r="41" spans="2:14" s="1" customFormat="1" ht="15" customHeight="1" x14ac:dyDescent="0.15">
      <c r="B41" s="19" t="s">
        <v>1303</v>
      </c>
      <c r="C41" s="19" t="s">
        <v>1130</v>
      </c>
      <c r="D41" s="19" t="s">
        <v>1130</v>
      </c>
      <c r="E41" s="19" t="s">
        <v>1081</v>
      </c>
      <c r="F41" s="19" t="s">
        <v>1210</v>
      </c>
      <c r="G41" s="19" t="s">
        <v>28</v>
      </c>
      <c r="H41" s="19" t="s">
        <v>28</v>
      </c>
      <c r="I41" s="19" t="s">
        <v>28</v>
      </c>
      <c r="J41" s="19" t="s">
        <v>1084</v>
      </c>
      <c r="K41" s="19" t="s">
        <v>1085</v>
      </c>
      <c r="L41" s="19" t="s">
        <v>1201</v>
      </c>
      <c r="M41" s="19" t="s">
        <v>1087</v>
      </c>
      <c r="N41" s="19" t="s">
        <v>28</v>
      </c>
    </row>
    <row r="42" spans="2:14" s="1" customFormat="1" ht="15" customHeight="1" x14ac:dyDescent="0.15">
      <c r="B42" s="19" t="s">
        <v>1304</v>
      </c>
      <c r="C42" s="19" t="s">
        <v>1130</v>
      </c>
      <c r="D42" s="19" t="s">
        <v>1130</v>
      </c>
      <c r="E42" s="19" t="s">
        <v>1081</v>
      </c>
      <c r="F42" s="19" t="s">
        <v>1217</v>
      </c>
      <c r="G42" s="19" t="s">
        <v>28</v>
      </c>
      <c r="H42" s="19" t="s">
        <v>28</v>
      </c>
      <c r="I42" s="19" t="s">
        <v>28</v>
      </c>
      <c r="J42" s="19" t="s">
        <v>1084</v>
      </c>
      <c r="K42" s="19" t="s">
        <v>1085</v>
      </c>
      <c r="L42" s="19" t="s">
        <v>1201</v>
      </c>
      <c r="M42" s="19" t="s">
        <v>1087</v>
      </c>
      <c r="N42" s="19" t="s">
        <v>28</v>
      </c>
    </row>
    <row r="43" spans="2:14" s="1" customFormat="1" ht="15" customHeight="1" x14ac:dyDescent="0.15">
      <c r="B43" s="19" t="s">
        <v>1305</v>
      </c>
      <c r="C43" s="19" t="s">
        <v>1130</v>
      </c>
      <c r="D43" s="19" t="s">
        <v>1130</v>
      </c>
      <c r="E43" s="19" t="s">
        <v>1081</v>
      </c>
      <c r="F43" s="19" t="s">
        <v>1254</v>
      </c>
      <c r="G43" s="19" t="s">
        <v>28</v>
      </c>
      <c r="H43" s="19" t="s">
        <v>28</v>
      </c>
      <c r="I43" s="19" t="s">
        <v>28</v>
      </c>
      <c r="J43" s="19" t="s">
        <v>1084</v>
      </c>
      <c r="K43" s="19" t="s">
        <v>1085</v>
      </c>
      <c r="L43" s="19" t="s">
        <v>1201</v>
      </c>
      <c r="M43" s="19" t="s">
        <v>1087</v>
      </c>
      <c r="N43" s="19" t="s">
        <v>28</v>
      </c>
    </row>
    <row r="44" spans="2:14" s="1" customFormat="1" ht="15" customHeight="1" x14ac:dyDescent="0.15">
      <c r="B44" s="19" t="s">
        <v>1306</v>
      </c>
      <c r="C44" s="19" t="s">
        <v>1130</v>
      </c>
      <c r="D44" s="19" t="s">
        <v>1130</v>
      </c>
      <c r="E44" s="19" t="s">
        <v>1081</v>
      </c>
      <c r="F44" s="19" t="s">
        <v>1254</v>
      </c>
      <c r="G44" s="19" t="s">
        <v>28</v>
      </c>
      <c r="H44" s="19" t="s">
        <v>28</v>
      </c>
      <c r="I44" s="19" t="s">
        <v>28</v>
      </c>
      <c r="J44" s="19" t="s">
        <v>1084</v>
      </c>
      <c r="K44" s="19" t="s">
        <v>1085</v>
      </c>
      <c r="L44" s="19" t="s">
        <v>1201</v>
      </c>
      <c r="M44" s="19" t="s">
        <v>1087</v>
      </c>
      <c r="N44" s="19" t="s">
        <v>28</v>
      </c>
    </row>
    <row r="45" spans="2:14" s="1" customFormat="1" ht="15" customHeight="1" x14ac:dyDescent="0.15">
      <c r="B45" s="19" t="s">
        <v>1307</v>
      </c>
      <c r="C45" s="19" t="s">
        <v>1130</v>
      </c>
      <c r="D45" s="19" t="s">
        <v>1130</v>
      </c>
      <c r="E45" s="19" t="s">
        <v>1081</v>
      </c>
      <c r="F45" s="19" t="s">
        <v>1277</v>
      </c>
      <c r="G45" s="19" t="s">
        <v>28</v>
      </c>
      <c r="H45" s="19" t="s">
        <v>28</v>
      </c>
      <c r="I45" s="19" t="s">
        <v>28</v>
      </c>
      <c r="J45" s="19" t="s">
        <v>1084</v>
      </c>
      <c r="K45" s="19" t="s">
        <v>1085</v>
      </c>
      <c r="L45" s="19" t="s">
        <v>1201</v>
      </c>
      <c r="M45" s="19" t="s">
        <v>1087</v>
      </c>
      <c r="N45" s="19" t="s">
        <v>28</v>
      </c>
    </row>
    <row r="46" spans="2:14" s="1" customFormat="1" ht="15" customHeight="1" x14ac:dyDescent="0.15">
      <c r="B46" s="19" t="s">
        <v>1308</v>
      </c>
      <c r="C46" s="19" t="s">
        <v>1130</v>
      </c>
      <c r="D46" s="19" t="s">
        <v>1130</v>
      </c>
      <c r="E46" s="19" t="s">
        <v>1081</v>
      </c>
      <c r="F46" s="19" t="s">
        <v>1263</v>
      </c>
      <c r="G46" s="19" t="s">
        <v>28</v>
      </c>
      <c r="H46" s="19" t="s">
        <v>28</v>
      </c>
      <c r="I46" s="19" t="s">
        <v>28</v>
      </c>
      <c r="J46" s="19" t="s">
        <v>1084</v>
      </c>
      <c r="K46" s="19" t="s">
        <v>1085</v>
      </c>
      <c r="L46" s="19" t="s">
        <v>1201</v>
      </c>
      <c r="M46" s="19" t="s">
        <v>1087</v>
      </c>
      <c r="N46" s="19" t="s">
        <v>28</v>
      </c>
    </row>
    <row r="47" spans="2:14" s="1" customFormat="1" ht="15" customHeight="1" x14ac:dyDescent="0.15">
      <c r="B47" s="19" t="s">
        <v>1309</v>
      </c>
      <c r="C47" s="19" t="s">
        <v>1130</v>
      </c>
      <c r="D47" s="19" t="s">
        <v>1130</v>
      </c>
      <c r="E47" s="19" t="s">
        <v>1198</v>
      </c>
      <c r="F47" s="19" t="s">
        <v>1162</v>
      </c>
      <c r="G47" s="19" t="s">
        <v>28</v>
      </c>
      <c r="H47" s="19" t="s">
        <v>28</v>
      </c>
      <c r="I47" s="19" t="s">
        <v>28</v>
      </c>
      <c r="J47" s="19" t="s">
        <v>1084</v>
      </c>
      <c r="K47" s="19" t="s">
        <v>1085</v>
      </c>
      <c r="L47" s="19" t="s">
        <v>1201</v>
      </c>
      <c r="M47" s="19" t="s">
        <v>1087</v>
      </c>
      <c r="N47" s="19" t="s">
        <v>28</v>
      </c>
    </row>
    <row r="48" spans="2:14" s="1" customFormat="1" ht="15" customHeight="1" x14ac:dyDescent="0.15">
      <c r="B48" s="19" t="s">
        <v>1310</v>
      </c>
      <c r="C48" s="19" t="s">
        <v>1130</v>
      </c>
      <c r="D48" s="19" t="s">
        <v>1130</v>
      </c>
      <c r="E48" s="19" t="s">
        <v>1198</v>
      </c>
      <c r="F48" s="19" t="s">
        <v>1100</v>
      </c>
      <c r="G48" s="19" t="s">
        <v>28</v>
      </c>
      <c r="H48" s="19" t="s">
        <v>28</v>
      </c>
      <c r="I48" s="19" t="s">
        <v>28</v>
      </c>
      <c r="J48" s="19" t="s">
        <v>1084</v>
      </c>
      <c r="K48" s="19" t="s">
        <v>1085</v>
      </c>
      <c r="L48" s="19" t="s">
        <v>1201</v>
      </c>
      <c r="M48" s="19" t="s">
        <v>1087</v>
      </c>
      <c r="N48" s="19" t="s">
        <v>28</v>
      </c>
    </row>
    <row r="49" spans="2:14" s="1" customFormat="1" ht="15" customHeight="1" x14ac:dyDescent="0.15">
      <c r="B49" s="19" t="s">
        <v>1311</v>
      </c>
      <c r="C49" s="19" t="s">
        <v>1130</v>
      </c>
      <c r="D49" s="19" t="s">
        <v>1130</v>
      </c>
      <c r="E49" s="19" t="s">
        <v>1081</v>
      </c>
      <c r="F49" s="19" t="s">
        <v>1100</v>
      </c>
      <c r="G49" s="19" t="s">
        <v>28</v>
      </c>
      <c r="H49" s="19" t="s">
        <v>28</v>
      </c>
      <c r="I49" s="19" t="s">
        <v>28</v>
      </c>
      <c r="J49" s="19" t="s">
        <v>1084</v>
      </c>
      <c r="K49" s="19" t="s">
        <v>1085</v>
      </c>
      <c r="L49" s="19" t="s">
        <v>1201</v>
      </c>
      <c r="M49" s="19" t="s">
        <v>1087</v>
      </c>
      <c r="N49" s="19" t="s">
        <v>28</v>
      </c>
    </row>
    <row r="50" spans="2:14" s="1" customFormat="1" ht="15" customHeight="1" x14ac:dyDescent="0.15">
      <c r="B50" s="19" t="s">
        <v>1312</v>
      </c>
      <c r="C50" s="19" t="s">
        <v>1130</v>
      </c>
      <c r="D50" s="19" t="s">
        <v>1130</v>
      </c>
      <c r="E50" s="19" t="s">
        <v>1081</v>
      </c>
      <c r="F50" s="19" t="s">
        <v>1313</v>
      </c>
      <c r="G50" s="19" t="s">
        <v>28</v>
      </c>
      <c r="H50" s="19" t="s">
        <v>28</v>
      </c>
      <c r="I50" s="19" t="s">
        <v>28</v>
      </c>
      <c r="J50" s="19" t="s">
        <v>1084</v>
      </c>
      <c r="K50" s="19" t="s">
        <v>1085</v>
      </c>
      <c r="L50" s="19" t="s">
        <v>1201</v>
      </c>
      <c r="M50" s="19" t="s">
        <v>1087</v>
      </c>
      <c r="N50" s="19" t="s">
        <v>28</v>
      </c>
    </row>
    <row r="51" spans="2:14" s="1" customFormat="1" ht="15" customHeight="1" x14ac:dyDescent="0.15">
      <c r="B51" s="19" t="s">
        <v>1314</v>
      </c>
      <c r="C51" s="19" t="s">
        <v>1130</v>
      </c>
      <c r="D51" s="19" t="s">
        <v>1130</v>
      </c>
      <c r="E51" s="19" t="s">
        <v>1081</v>
      </c>
      <c r="F51" s="19" t="s">
        <v>1254</v>
      </c>
      <c r="G51" s="19" t="s">
        <v>28</v>
      </c>
      <c r="H51" s="19" t="s">
        <v>28</v>
      </c>
      <c r="I51" s="19" t="s">
        <v>28</v>
      </c>
      <c r="J51" s="19" t="s">
        <v>1084</v>
      </c>
      <c r="K51" s="19" t="s">
        <v>1085</v>
      </c>
      <c r="L51" s="19" t="s">
        <v>1201</v>
      </c>
      <c r="M51" s="19" t="s">
        <v>1087</v>
      </c>
      <c r="N51" s="19" t="s">
        <v>28</v>
      </c>
    </row>
    <row r="52" spans="2:14" s="1" customFormat="1" ht="15" customHeight="1" x14ac:dyDescent="0.15">
      <c r="B52" s="19" t="s">
        <v>1315</v>
      </c>
      <c r="C52" s="19" t="s">
        <v>1130</v>
      </c>
      <c r="D52" s="19" t="s">
        <v>1130</v>
      </c>
      <c r="E52" s="19" t="s">
        <v>1081</v>
      </c>
      <c r="F52" s="19" t="s">
        <v>1259</v>
      </c>
      <c r="G52" s="19" t="s">
        <v>28</v>
      </c>
      <c r="H52" s="19" t="s">
        <v>28</v>
      </c>
      <c r="I52" s="19" t="s">
        <v>28</v>
      </c>
      <c r="J52" s="19" t="s">
        <v>1084</v>
      </c>
      <c r="K52" s="19" t="s">
        <v>1085</v>
      </c>
      <c r="L52" s="19" t="s">
        <v>1201</v>
      </c>
      <c r="M52" s="19" t="s">
        <v>1087</v>
      </c>
      <c r="N52" s="19" t="s">
        <v>28</v>
      </c>
    </row>
    <row r="53" spans="2:14" s="1" customFormat="1" ht="15" customHeight="1" x14ac:dyDescent="0.15">
      <c r="B53" s="19" t="s">
        <v>1316</v>
      </c>
      <c r="C53" s="19" t="s">
        <v>1130</v>
      </c>
      <c r="D53" s="19" t="s">
        <v>1130</v>
      </c>
      <c r="E53" s="19" t="s">
        <v>1081</v>
      </c>
      <c r="F53" s="19" t="s">
        <v>1254</v>
      </c>
      <c r="G53" s="19" t="s">
        <v>28</v>
      </c>
      <c r="H53" s="19" t="s">
        <v>28</v>
      </c>
      <c r="I53" s="19" t="s">
        <v>28</v>
      </c>
      <c r="J53" s="19" t="s">
        <v>1084</v>
      </c>
      <c r="K53" s="19" t="s">
        <v>1085</v>
      </c>
      <c r="L53" s="19" t="s">
        <v>1201</v>
      </c>
      <c r="M53" s="19" t="s">
        <v>1087</v>
      </c>
      <c r="N53" s="19" t="s">
        <v>28</v>
      </c>
    </row>
    <row r="54" spans="2:14" s="1" customFormat="1" ht="15" customHeight="1" x14ac:dyDescent="0.15">
      <c r="B54" s="19" t="s">
        <v>1317</v>
      </c>
      <c r="C54" s="19" t="s">
        <v>1130</v>
      </c>
      <c r="D54" s="19" t="s">
        <v>1130</v>
      </c>
      <c r="E54" s="19" t="s">
        <v>1081</v>
      </c>
      <c r="F54" s="19" t="s">
        <v>1100</v>
      </c>
      <c r="G54" s="19" t="s">
        <v>28</v>
      </c>
      <c r="H54" s="19" t="s">
        <v>28</v>
      </c>
      <c r="I54" s="19" t="s">
        <v>28</v>
      </c>
      <c r="J54" s="19" t="s">
        <v>1084</v>
      </c>
      <c r="K54" s="19" t="s">
        <v>1085</v>
      </c>
      <c r="L54" s="19" t="s">
        <v>1201</v>
      </c>
      <c r="M54" s="19" t="s">
        <v>1087</v>
      </c>
      <c r="N54" s="19" t="s">
        <v>28</v>
      </c>
    </row>
    <row r="55" spans="2:14" s="1" customFormat="1" ht="15" customHeight="1" x14ac:dyDescent="0.15">
      <c r="B55" s="19" t="s">
        <v>1318</v>
      </c>
      <c r="C55" s="19" t="s">
        <v>1130</v>
      </c>
      <c r="D55" s="19" t="s">
        <v>1130</v>
      </c>
      <c r="E55" s="19" t="s">
        <v>1081</v>
      </c>
      <c r="F55" s="19" t="s">
        <v>1319</v>
      </c>
      <c r="G55" s="19" t="s">
        <v>28</v>
      </c>
      <c r="H55" s="19" t="s">
        <v>28</v>
      </c>
      <c r="I55" s="19" t="s">
        <v>28</v>
      </c>
      <c r="J55" s="19" t="s">
        <v>1084</v>
      </c>
      <c r="K55" s="19" t="s">
        <v>1085</v>
      </c>
      <c r="L55" s="19" t="s">
        <v>1201</v>
      </c>
      <c r="M55" s="19" t="s">
        <v>1087</v>
      </c>
      <c r="N55" s="19" t="s">
        <v>28</v>
      </c>
    </row>
    <row r="56" spans="2:14" s="1" customFormat="1" ht="15" customHeight="1" x14ac:dyDescent="0.15">
      <c r="B56" s="19" t="s">
        <v>1320</v>
      </c>
      <c r="C56" s="19" t="s">
        <v>1130</v>
      </c>
      <c r="D56" s="19" t="s">
        <v>1130</v>
      </c>
      <c r="E56" s="19" t="s">
        <v>1081</v>
      </c>
      <c r="F56" s="19" t="s">
        <v>1259</v>
      </c>
      <c r="G56" s="19" t="s">
        <v>28</v>
      </c>
      <c r="H56" s="19" t="s">
        <v>28</v>
      </c>
      <c r="I56" s="19" t="s">
        <v>28</v>
      </c>
      <c r="J56" s="19" t="s">
        <v>1084</v>
      </c>
      <c r="K56" s="19" t="s">
        <v>1085</v>
      </c>
      <c r="L56" s="19" t="s">
        <v>1201</v>
      </c>
      <c r="M56" s="19" t="s">
        <v>1087</v>
      </c>
      <c r="N56" s="19" t="s">
        <v>28</v>
      </c>
    </row>
    <row r="57" spans="2:14" s="1" customFormat="1" ht="15" customHeight="1" x14ac:dyDescent="0.15">
      <c r="B57" s="19" t="s">
        <v>1321</v>
      </c>
      <c r="C57" s="19" t="s">
        <v>1130</v>
      </c>
      <c r="D57" s="19" t="s">
        <v>1130</v>
      </c>
      <c r="E57" s="19" t="s">
        <v>1198</v>
      </c>
      <c r="F57" s="19" t="s">
        <v>1110</v>
      </c>
      <c r="G57" s="19" t="s">
        <v>28</v>
      </c>
      <c r="H57" s="19" t="s">
        <v>28</v>
      </c>
      <c r="I57" s="19" t="s">
        <v>28</v>
      </c>
      <c r="J57" s="19" t="s">
        <v>1084</v>
      </c>
      <c r="K57" s="19" t="s">
        <v>1085</v>
      </c>
      <c r="L57" s="19" t="s">
        <v>1201</v>
      </c>
      <c r="M57" s="19" t="s">
        <v>1087</v>
      </c>
      <c r="N57" s="19" t="s">
        <v>28</v>
      </c>
    </row>
    <row r="58" spans="2:14" s="1" customFormat="1" ht="15" customHeight="1" x14ac:dyDescent="0.15">
      <c r="B58" s="19" t="s">
        <v>1322</v>
      </c>
      <c r="C58" s="19" t="s">
        <v>1130</v>
      </c>
      <c r="D58" s="19" t="s">
        <v>1130</v>
      </c>
      <c r="E58" s="19" t="s">
        <v>1081</v>
      </c>
      <c r="F58" s="19" t="s">
        <v>1319</v>
      </c>
      <c r="G58" s="19" t="s">
        <v>28</v>
      </c>
      <c r="H58" s="19" t="s">
        <v>28</v>
      </c>
      <c r="I58" s="19" t="s">
        <v>28</v>
      </c>
      <c r="J58" s="19" t="s">
        <v>1084</v>
      </c>
      <c r="K58" s="19" t="s">
        <v>1085</v>
      </c>
      <c r="L58" s="19" t="s">
        <v>1201</v>
      </c>
      <c r="M58" s="19" t="s">
        <v>1087</v>
      </c>
      <c r="N58" s="19" t="s">
        <v>28</v>
      </c>
    </row>
    <row r="59" spans="2:14" s="1" customFormat="1" ht="15" customHeight="1" x14ac:dyDescent="0.15">
      <c r="B59" s="19" t="s">
        <v>1323</v>
      </c>
      <c r="C59" s="19" t="s">
        <v>1130</v>
      </c>
      <c r="D59" s="19" t="s">
        <v>1130</v>
      </c>
      <c r="E59" s="19" t="s">
        <v>1198</v>
      </c>
      <c r="F59" s="19" t="s">
        <v>1324</v>
      </c>
      <c r="G59" s="19" t="s">
        <v>28</v>
      </c>
      <c r="H59" s="19" t="s">
        <v>28</v>
      </c>
      <c r="I59" s="19" t="s">
        <v>28</v>
      </c>
      <c r="J59" s="19" t="s">
        <v>1084</v>
      </c>
      <c r="K59" s="19" t="s">
        <v>1085</v>
      </c>
      <c r="L59" s="19" t="s">
        <v>1201</v>
      </c>
      <c r="M59" s="19" t="s">
        <v>1087</v>
      </c>
      <c r="N59" s="19" t="s">
        <v>28</v>
      </c>
    </row>
    <row r="60" spans="2:14" s="1" customFormat="1" ht="15" customHeight="1" x14ac:dyDescent="0.15">
      <c r="B60" s="19" t="s">
        <v>1325</v>
      </c>
      <c r="C60" s="19" t="s">
        <v>1130</v>
      </c>
      <c r="D60" s="19" t="s">
        <v>1130</v>
      </c>
      <c r="E60" s="19" t="s">
        <v>1081</v>
      </c>
      <c r="F60" s="19" t="s">
        <v>1326</v>
      </c>
      <c r="G60" s="19" t="s">
        <v>28</v>
      </c>
      <c r="H60" s="19" t="s">
        <v>28</v>
      </c>
      <c r="I60" s="19" t="s">
        <v>28</v>
      </c>
      <c r="J60" s="19" t="s">
        <v>1084</v>
      </c>
      <c r="K60" s="19" t="s">
        <v>1085</v>
      </c>
      <c r="L60" s="19" t="s">
        <v>1201</v>
      </c>
      <c r="M60" s="19" t="s">
        <v>1087</v>
      </c>
      <c r="N60" s="19" t="s">
        <v>28</v>
      </c>
    </row>
    <row r="61" spans="2:14" s="1" customFormat="1" ht="15" customHeight="1" x14ac:dyDescent="0.15">
      <c r="B61" s="19" t="s">
        <v>1327</v>
      </c>
      <c r="C61" s="19" t="s">
        <v>1130</v>
      </c>
      <c r="D61" s="19" t="s">
        <v>1130</v>
      </c>
      <c r="E61" s="19" t="s">
        <v>1081</v>
      </c>
      <c r="F61" s="19" t="s">
        <v>1254</v>
      </c>
      <c r="G61" s="19" t="s">
        <v>28</v>
      </c>
      <c r="H61" s="19" t="s">
        <v>28</v>
      </c>
      <c r="I61" s="19" t="s">
        <v>28</v>
      </c>
      <c r="J61" s="19" t="s">
        <v>1084</v>
      </c>
      <c r="K61" s="19" t="s">
        <v>1085</v>
      </c>
      <c r="L61" s="19" t="s">
        <v>1201</v>
      </c>
      <c r="M61" s="19" t="s">
        <v>1087</v>
      </c>
      <c r="N61" s="19" t="s">
        <v>28</v>
      </c>
    </row>
    <row r="62" spans="2:14" s="1" customFormat="1" ht="15" customHeight="1" x14ac:dyDescent="0.15">
      <c r="B62" s="19" t="s">
        <v>1328</v>
      </c>
      <c r="C62" s="19" t="s">
        <v>1130</v>
      </c>
      <c r="D62" s="19" t="s">
        <v>1130</v>
      </c>
      <c r="E62" s="19" t="s">
        <v>1198</v>
      </c>
      <c r="F62" s="19" t="s">
        <v>1263</v>
      </c>
      <c r="G62" s="19" t="s">
        <v>28</v>
      </c>
      <c r="H62" s="19" t="s">
        <v>28</v>
      </c>
      <c r="I62" s="19" t="s">
        <v>28</v>
      </c>
      <c r="J62" s="19" t="s">
        <v>1084</v>
      </c>
      <c r="K62" s="19" t="s">
        <v>1085</v>
      </c>
      <c r="L62" s="19" t="s">
        <v>1201</v>
      </c>
      <c r="M62" s="19" t="s">
        <v>1087</v>
      </c>
      <c r="N62" s="19" t="s">
        <v>28</v>
      </c>
    </row>
    <row r="63" spans="2:14" s="1" customFormat="1" ht="15" customHeight="1" x14ac:dyDescent="0.15">
      <c r="B63" s="19" t="s">
        <v>1329</v>
      </c>
      <c r="C63" s="19" t="s">
        <v>1130</v>
      </c>
      <c r="D63" s="19" t="s">
        <v>1130</v>
      </c>
      <c r="E63" s="19" t="s">
        <v>1081</v>
      </c>
      <c r="F63" s="19" t="s">
        <v>1330</v>
      </c>
      <c r="G63" s="19" t="s">
        <v>28</v>
      </c>
      <c r="H63" s="19" t="s">
        <v>28</v>
      </c>
      <c r="I63" s="19" t="s">
        <v>28</v>
      </c>
      <c r="J63" s="19" t="s">
        <v>1084</v>
      </c>
      <c r="K63" s="19" t="s">
        <v>1085</v>
      </c>
      <c r="L63" s="19" t="s">
        <v>1201</v>
      </c>
      <c r="M63" s="19" t="s">
        <v>1087</v>
      </c>
      <c r="N63" s="19" t="s">
        <v>28</v>
      </c>
    </row>
    <row r="64" spans="2:14" s="1" customFormat="1" ht="15" customHeight="1" x14ac:dyDescent="0.15">
      <c r="B64" s="19" t="s">
        <v>1331</v>
      </c>
      <c r="C64" s="19" t="s">
        <v>1130</v>
      </c>
      <c r="D64" s="19" t="s">
        <v>1130</v>
      </c>
      <c r="E64" s="19" t="s">
        <v>1081</v>
      </c>
      <c r="F64" s="19" t="s">
        <v>1332</v>
      </c>
      <c r="G64" s="19" t="s">
        <v>28</v>
      </c>
      <c r="H64" s="19" t="s">
        <v>28</v>
      </c>
      <c r="I64" s="19" t="s">
        <v>28</v>
      </c>
      <c r="J64" s="19" t="s">
        <v>1084</v>
      </c>
      <c r="K64" s="19" t="s">
        <v>1085</v>
      </c>
      <c r="L64" s="19" t="s">
        <v>1201</v>
      </c>
      <c r="M64" s="19" t="s">
        <v>1087</v>
      </c>
      <c r="N64" s="19" t="s">
        <v>28</v>
      </c>
    </row>
    <row r="65" spans="2:14" s="1" customFormat="1" ht="15" customHeight="1" x14ac:dyDescent="0.15">
      <c r="B65" s="19" t="s">
        <v>1333</v>
      </c>
      <c r="C65" s="19" t="s">
        <v>1130</v>
      </c>
      <c r="D65" s="19" t="s">
        <v>1130</v>
      </c>
      <c r="E65" s="19" t="s">
        <v>1081</v>
      </c>
      <c r="F65" s="19" t="s">
        <v>1332</v>
      </c>
      <c r="G65" s="19" t="s">
        <v>28</v>
      </c>
      <c r="H65" s="19" t="s">
        <v>28</v>
      </c>
      <c r="I65" s="19" t="s">
        <v>28</v>
      </c>
      <c r="J65" s="19" t="s">
        <v>1084</v>
      </c>
      <c r="K65" s="19" t="s">
        <v>1085</v>
      </c>
      <c r="L65" s="19" t="s">
        <v>1201</v>
      </c>
      <c r="M65" s="19" t="s">
        <v>1087</v>
      </c>
      <c r="N65" s="19" t="s">
        <v>28</v>
      </c>
    </row>
    <row r="66" spans="2:14" s="1" customFormat="1" ht="15" customHeight="1" x14ac:dyDescent="0.15">
      <c r="B66" s="19" t="s">
        <v>1334</v>
      </c>
      <c r="C66" s="19" t="s">
        <v>1130</v>
      </c>
      <c r="D66" s="19" t="s">
        <v>1130</v>
      </c>
      <c r="E66" s="19" t="s">
        <v>1081</v>
      </c>
      <c r="F66" s="19" t="s">
        <v>1332</v>
      </c>
      <c r="G66" s="19" t="s">
        <v>28</v>
      </c>
      <c r="H66" s="19" t="s">
        <v>28</v>
      </c>
      <c r="I66" s="19" t="s">
        <v>28</v>
      </c>
      <c r="J66" s="19" t="s">
        <v>1084</v>
      </c>
      <c r="K66" s="19" t="s">
        <v>1085</v>
      </c>
      <c r="L66" s="19" t="s">
        <v>1201</v>
      </c>
      <c r="M66" s="19" t="s">
        <v>1087</v>
      </c>
      <c r="N66" s="19" t="s">
        <v>28</v>
      </c>
    </row>
    <row r="67" spans="2:14" s="1" customFormat="1" ht="15" customHeight="1" x14ac:dyDescent="0.15">
      <c r="B67" s="19" t="s">
        <v>1335</v>
      </c>
      <c r="C67" s="19" t="s">
        <v>1130</v>
      </c>
      <c r="D67" s="19" t="s">
        <v>1130</v>
      </c>
      <c r="E67" s="19" t="s">
        <v>1081</v>
      </c>
      <c r="F67" s="19" t="s">
        <v>1295</v>
      </c>
      <c r="G67" s="19" t="s">
        <v>28</v>
      </c>
      <c r="H67" s="19" t="s">
        <v>28</v>
      </c>
      <c r="I67" s="19" t="s">
        <v>28</v>
      </c>
      <c r="J67" s="19" t="s">
        <v>1084</v>
      </c>
      <c r="K67" s="19" t="s">
        <v>1085</v>
      </c>
      <c r="L67" s="19" t="s">
        <v>1201</v>
      </c>
      <c r="M67" s="19" t="s">
        <v>1087</v>
      </c>
      <c r="N67" s="19" t="s">
        <v>28</v>
      </c>
    </row>
    <row r="68" spans="2:14" s="1" customFormat="1" ht="15" customHeight="1" x14ac:dyDescent="0.15">
      <c r="B68" s="19" t="s">
        <v>1336</v>
      </c>
      <c r="C68" s="19" t="s">
        <v>1130</v>
      </c>
      <c r="D68" s="19" t="s">
        <v>1130</v>
      </c>
      <c r="E68" s="19" t="s">
        <v>1198</v>
      </c>
      <c r="F68" s="19" t="s">
        <v>1162</v>
      </c>
      <c r="G68" s="19" t="s">
        <v>28</v>
      </c>
      <c r="H68" s="19" t="s">
        <v>28</v>
      </c>
      <c r="I68" s="19" t="s">
        <v>28</v>
      </c>
      <c r="J68" s="19" t="s">
        <v>1084</v>
      </c>
      <c r="K68" s="19" t="s">
        <v>1085</v>
      </c>
      <c r="L68" s="19" t="s">
        <v>1201</v>
      </c>
      <c r="M68" s="19" t="s">
        <v>1087</v>
      </c>
      <c r="N68" s="19" t="s">
        <v>28</v>
      </c>
    </row>
    <row r="69" spans="2:14" s="1" customFormat="1" ht="15" customHeight="1" x14ac:dyDescent="0.15">
      <c r="B69" s="19" t="s">
        <v>1337</v>
      </c>
      <c r="C69" s="19" t="s">
        <v>1130</v>
      </c>
      <c r="D69" s="19" t="s">
        <v>1130</v>
      </c>
      <c r="E69" s="19" t="s">
        <v>1198</v>
      </c>
      <c r="F69" s="19" t="s">
        <v>1338</v>
      </c>
      <c r="G69" s="19" t="s">
        <v>28</v>
      </c>
      <c r="H69" s="19" t="s">
        <v>28</v>
      </c>
      <c r="I69" s="19" t="s">
        <v>28</v>
      </c>
      <c r="J69" s="19" t="s">
        <v>1084</v>
      </c>
      <c r="K69" s="19" t="s">
        <v>1085</v>
      </c>
      <c r="L69" s="19" t="s">
        <v>1201</v>
      </c>
      <c r="M69" s="19" t="s">
        <v>1087</v>
      </c>
      <c r="N69" s="19" t="s">
        <v>28</v>
      </c>
    </row>
    <row r="70" spans="2:14" s="1" customFormat="1" ht="15" customHeight="1" x14ac:dyDescent="0.15">
      <c r="B70" s="19" t="s">
        <v>1339</v>
      </c>
      <c r="C70" s="19" t="s">
        <v>1130</v>
      </c>
      <c r="D70" s="19" t="s">
        <v>1130</v>
      </c>
      <c r="E70" s="19" t="s">
        <v>1207</v>
      </c>
      <c r="F70" s="19" t="s">
        <v>1330</v>
      </c>
      <c r="G70" s="19" t="s">
        <v>28</v>
      </c>
      <c r="H70" s="19" t="s">
        <v>28</v>
      </c>
      <c r="I70" s="19" t="s">
        <v>28</v>
      </c>
      <c r="J70" s="19" t="s">
        <v>1084</v>
      </c>
      <c r="K70" s="19" t="s">
        <v>1085</v>
      </c>
      <c r="L70" s="19" t="s">
        <v>1201</v>
      </c>
      <c r="M70" s="19" t="s">
        <v>1087</v>
      </c>
      <c r="N70" s="19" t="s">
        <v>28</v>
      </c>
    </row>
    <row r="71" spans="2:14" s="1" customFormat="1" ht="15" customHeight="1" x14ac:dyDescent="0.15">
      <c r="B71" s="19" t="s">
        <v>1340</v>
      </c>
      <c r="C71" s="19" t="s">
        <v>1130</v>
      </c>
      <c r="D71" s="19" t="s">
        <v>1130</v>
      </c>
      <c r="E71" s="19" t="s">
        <v>1081</v>
      </c>
      <c r="F71" s="19" t="s">
        <v>1263</v>
      </c>
      <c r="G71" s="19" t="s">
        <v>28</v>
      </c>
      <c r="H71" s="19" t="s">
        <v>28</v>
      </c>
      <c r="I71" s="19" t="s">
        <v>28</v>
      </c>
      <c r="J71" s="19" t="s">
        <v>1084</v>
      </c>
      <c r="K71" s="19" t="s">
        <v>1085</v>
      </c>
      <c r="L71" s="19" t="s">
        <v>1201</v>
      </c>
      <c r="M71" s="19" t="s">
        <v>1087</v>
      </c>
      <c r="N71" s="19" t="s">
        <v>28</v>
      </c>
    </row>
    <row r="72" spans="2:14" s="1" customFormat="1" ht="15" customHeight="1" x14ac:dyDescent="0.15">
      <c r="B72" s="19" t="s">
        <v>1341</v>
      </c>
      <c r="C72" s="19" t="s">
        <v>1130</v>
      </c>
      <c r="D72" s="19" t="s">
        <v>1130</v>
      </c>
      <c r="E72" s="19" t="s">
        <v>1081</v>
      </c>
      <c r="F72" s="19" t="s">
        <v>1100</v>
      </c>
      <c r="G72" s="19" t="s">
        <v>28</v>
      </c>
      <c r="H72" s="19" t="s">
        <v>28</v>
      </c>
      <c r="I72" s="19" t="s">
        <v>28</v>
      </c>
      <c r="J72" s="19" t="s">
        <v>1084</v>
      </c>
      <c r="K72" s="19" t="s">
        <v>1085</v>
      </c>
      <c r="L72" s="19" t="s">
        <v>1201</v>
      </c>
      <c r="M72" s="19" t="s">
        <v>1087</v>
      </c>
      <c r="N72" s="19" t="s">
        <v>28</v>
      </c>
    </row>
    <row r="73" spans="2:14" s="1" customFormat="1" ht="15" customHeight="1" x14ac:dyDescent="0.15">
      <c r="B73" s="19" t="s">
        <v>1342</v>
      </c>
      <c r="C73" s="19" t="s">
        <v>1130</v>
      </c>
      <c r="D73" s="19" t="s">
        <v>1130</v>
      </c>
      <c r="E73" s="19" t="s">
        <v>1081</v>
      </c>
      <c r="F73" s="19" t="s">
        <v>1343</v>
      </c>
      <c r="G73" s="19" t="s">
        <v>28</v>
      </c>
      <c r="H73" s="19" t="s">
        <v>28</v>
      </c>
      <c r="I73" s="19" t="s">
        <v>28</v>
      </c>
      <c r="J73" s="19" t="s">
        <v>1084</v>
      </c>
      <c r="K73" s="19" t="s">
        <v>1085</v>
      </c>
      <c r="L73" s="19" t="s">
        <v>1201</v>
      </c>
      <c r="M73" s="19" t="s">
        <v>1087</v>
      </c>
      <c r="N73" s="19" t="s">
        <v>28</v>
      </c>
    </row>
    <row r="74" spans="2:14" s="1" customFormat="1" ht="15" customHeight="1" x14ac:dyDescent="0.15">
      <c r="B74" s="19" t="s">
        <v>1344</v>
      </c>
      <c r="C74" s="19" t="s">
        <v>1130</v>
      </c>
      <c r="D74" s="19" t="s">
        <v>1130</v>
      </c>
      <c r="E74" s="19" t="s">
        <v>1081</v>
      </c>
      <c r="F74" s="19" t="s">
        <v>1324</v>
      </c>
      <c r="G74" s="19" t="s">
        <v>28</v>
      </c>
      <c r="H74" s="19" t="s">
        <v>28</v>
      </c>
      <c r="I74" s="19" t="s">
        <v>28</v>
      </c>
      <c r="J74" s="19" t="s">
        <v>1084</v>
      </c>
      <c r="K74" s="19" t="s">
        <v>1085</v>
      </c>
      <c r="L74" s="19" t="s">
        <v>1201</v>
      </c>
      <c r="M74" s="19" t="s">
        <v>1087</v>
      </c>
      <c r="N74" s="19" t="s">
        <v>28</v>
      </c>
    </row>
    <row r="75" spans="2:14" s="1" customFormat="1" ht="15" customHeight="1" x14ac:dyDescent="0.15">
      <c r="B75" s="19" t="s">
        <v>1345</v>
      </c>
      <c r="C75" s="19" t="s">
        <v>1130</v>
      </c>
      <c r="D75" s="19" t="s">
        <v>1130</v>
      </c>
      <c r="E75" s="19" t="s">
        <v>1081</v>
      </c>
      <c r="F75" s="19" t="s">
        <v>1131</v>
      </c>
      <c r="G75" s="19" t="s">
        <v>28</v>
      </c>
      <c r="H75" s="19" t="s">
        <v>28</v>
      </c>
      <c r="I75" s="19" t="s">
        <v>28</v>
      </c>
      <c r="J75" s="19" t="s">
        <v>1084</v>
      </c>
      <c r="K75" s="19" t="s">
        <v>1085</v>
      </c>
      <c r="L75" s="19" t="s">
        <v>1201</v>
      </c>
      <c r="M75" s="19" t="s">
        <v>1087</v>
      </c>
      <c r="N75" s="19" t="s">
        <v>28</v>
      </c>
    </row>
    <row r="76" spans="2:14" s="1" customFormat="1" ht="15" customHeight="1" x14ac:dyDescent="0.15">
      <c r="B76" s="19" t="s">
        <v>1346</v>
      </c>
      <c r="C76" s="19" t="s">
        <v>1130</v>
      </c>
      <c r="D76" s="19" t="s">
        <v>1130</v>
      </c>
      <c r="E76" s="19" t="s">
        <v>1207</v>
      </c>
      <c r="F76" s="19" t="s">
        <v>1347</v>
      </c>
      <c r="G76" s="19" t="s">
        <v>28</v>
      </c>
      <c r="H76" s="19" t="s">
        <v>28</v>
      </c>
      <c r="I76" s="19" t="s">
        <v>28</v>
      </c>
      <c r="J76" s="19" t="s">
        <v>1084</v>
      </c>
      <c r="K76" s="19" t="s">
        <v>1085</v>
      </c>
      <c r="L76" s="19" t="s">
        <v>1201</v>
      </c>
      <c r="M76" s="19" t="s">
        <v>1087</v>
      </c>
      <c r="N76" s="19" t="s">
        <v>28</v>
      </c>
    </row>
    <row r="77" spans="2:14" s="1" customFormat="1" ht="15" customHeight="1" x14ac:dyDescent="0.15">
      <c r="B77" s="19" t="s">
        <v>1348</v>
      </c>
      <c r="C77" s="19" t="s">
        <v>1130</v>
      </c>
      <c r="D77" s="19" t="s">
        <v>1130</v>
      </c>
      <c r="E77" s="19" t="s">
        <v>1081</v>
      </c>
      <c r="F77" s="19" t="s">
        <v>1324</v>
      </c>
      <c r="G77" s="19" t="s">
        <v>28</v>
      </c>
      <c r="H77" s="19" t="s">
        <v>28</v>
      </c>
      <c r="I77" s="19" t="s">
        <v>28</v>
      </c>
      <c r="J77" s="19" t="s">
        <v>1084</v>
      </c>
      <c r="K77" s="19" t="s">
        <v>1085</v>
      </c>
      <c r="L77" s="19" t="s">
        <v>1201</v>
      </c>
      <c r="M77" s="19" t="s">
        <v>1087</v>
      </c>
      <c r="N77" s="19" t="s">
        <v>28</v>
      </c>
    </row>
    <row r="78" spans="2:14" s="1" customFormat="1" ht="15" customHeight="1" x14ac:dyDescent="0.15">
      <c r="B78" s="19" t="s">
        <v>1349</v>
      </c>
      <c r="C78" s="19" t="s">
        <v>1130</v>
      </c>
      <c r="D78" s="19" t="s">
        <v>1130</v>
      </c>
      <c r="E78" s="19" t="s">
        <v>1081</v>
      </c>
      <c r="F78" s="19" t="s">
        <v>1324</v>
      </c>
      <c r="G78" s="19" t="s">
        <v>28</v>
      </c>
      <c r="H78" s="19" t="s">
        <v>28</v>
      </c>
      <c r="I78" s="19" t="s">
        <v>28</v>
      </c>
      <c r="J78" s="19" t="s">
        <v>1084</v>
      </c>
      <c r="K78" s="19" t="s">
        <v>1085</v>
      </c>
      <c r="L78" s="19" t="s">
        <v>1201</v>
      </c>
      <c r="M78" s="19" t="s">
        <v>1087</v>
      </c>
      <c r="N78" s="19" t="s">
        <v>28</v>
      </c>
    </row>
    <row r="79" spans="2:14" s="1" customFormat="1" ht="15" customHeight="1" x14ac:dyDescent="0.15">
      <c r="B79" s="19" t="s">
        <v>1350</v>
      </c>
      <c r="C79" s="19" t="s">
        <v>1130</v>
      </c>
      <c r="D79" s="19" t="s">
        <v>1130</v>
      </c>
      <c r="E79" s="19" t="s">
        <v>1351</v>
      </c>
      <c r="F79" s="19" t="s">
        <v>1281</v>
      </c>
      <c r="G79" s="19" t="s">
        <v>28</v>
      </c>
      <c r="H79" s="19" t="s">
        <v>28</v>
      </c>
      <c r="I79" s="19" t="s">
        <v>28</v>
      </c>
      <c r="J79" s="19" t="s">
        <v>1084</v>
      </c>
      <c r="K79" s="19" t="s">
        <v>1085</v>
      </c>
      <c r="L79" s="19" t="s">
        <v>1201</v>
      </c>
      <c r="M79" s="19" t="s">
        <v>1087</v>
      </c>
      <c r="N79" s="19" t="s">
        <v>28</v>
      </c>
    </row>
    <row r="80" spans="2:14" s="1" customFormat="1" ht="15" customHeight="1" x14ac:dyDescent="0.15">
      <c r="B80" s="19" t="s">
        <v>1352</v>
      </c>
      <c r="C80" s="19" t="s">
        <v>1130</v>
      </c>
      <c r="D80" s="19" t="s">
        <v>1130</v>
      </c>
      <c r="E80" s="19" t="s">
        <v>1081</v>
      </c>
      <c r="F80" s="19" t="s">
        <v>1353</v>
      </c>
      <c r="G80" s="19" t="s">
        <v>28</v>
      </c>
      <c r="H80" s="19" t="s">
        <v>28</v>
      </c>
      <c r="I80" s="19" t="s">
        <v>28</v>
      </c>
      <c r="J80" s="19" t="s">
        <v>1084</v>
      </c>
      <c r="K80" s="19" t="s">
        <v>1085</v>
      </c>
      <c r="L80" s="19" t="s">
        <v>1201</v>
      </c>
      <c r="M80" s="19" t="s">
        <v>1087</v>
      </c>
      <c r="N80" s="19" t="s">
        <v>28</v>
      </c>
    </row>
    <row r="81" spans="1:14" s="1" customFormat="1" ht="15" customHeight="1" x14ac:dyDescent="0.15">
      <c r="B81" s="19" t="s">
        <v>1354</v>
      </c>
      <c r="C81" s="19" t="s">
        <v>1130</v>
      </c>
      <c r="D81" s="19" t="s">
        <v>1130</v>
      </c>
      <c r="E81" s="19" t="s">
        <v>1081</v>
      </c>
      <c r="F81" s="19" t="s">
        <v>1263</v>
      </c>
      <c r="G81" s="19" t="s">
        <v>28</v>
      </c>
      <c r="H81" s="19" t="s">
        <v>28</v>
      </c>
      <c r="I81" s="19" t="s">
        <v>28</v>
      </c>
      <c r="J81" s="19" t="s">
        <v>1084</v>
      </c>
      <c r="K81" s="19" t="s">
        <v>1085</v>
      </c>
      <c r="L81" s="19" t="s">
        <v>1201</v>
      </c>
      <c r="M81" s="19" t="s">
        <v>1087</v>
      </c>
      <c r="N81" s="19" t="s">
        <v>28</v>
      </c>
    </row>
    <row r="82" spans="1:14" s="1" customFormat="1" ht="15" customHeight="1" x14ac:dyDescent="0.15">
      <c r="B82" s="19" t="s">
        <v>1355</v>
      </c>
      <c r="C82" s="19" t="s">
        <v>1130</v>
      </c>
      <c r="D82" s="19" t="s">
        <v>1130</v>
      </c>
      <c r="E82" s="19" t="s">
        <v>1081</v>
      </c>
      <c r="F82" s="19" t="s">
        <v>1263</v>
      </c>
      <c r="G82" s="19" t="s">
        <v>28</v>
      </c>
      <c r="H82" s="19" t="s">
        <v>28</v>
      </c>
      <c r="I82" s="19" t="s">
        <v>28</v>
      </c>
      <c r="J82" s="19" t="s">
        <v>1084</v>
      </c>
      <c r="K82" s="19" t="s">
        <v>1085</v>
      </c>
      <c r="L82" s="19" t="s">
        <v>1201</v>
      </c>
      <c r="M82" s="19" t="s">
        <v>1087</v>
      </c>
      <c r="N82" s="19" t="s">
        <v>28</v>
      </c>
    </row>
    <row r="83" spans="1:14" s="1" customFormat="1" ht="15" customHeight="1" x14ac:dyDescent="0.15">
      <c r="B83" s="19" t="s">
        <v>1356</v>
      </c>
      <c r="C83" s="19" t="s">
        <v>1130</v>
      </c>
      <c r="D83" s="19" t="s">
        <v>1130</v>
      </c>
      <c r="E83" s="19" t="s">
        <v>1081</v>
      </c>
      <c r="F83" s="19" t="s">
        <v>1254</v>
      </c>
      <c r="G83" s="19" t="s">
        <v>28</v>
      </c>
      <c r="H83" s="19" t="s">
        <v>28</v>
      </c>
      <c r="I83" s="19" t="s">
        <v>28</v>
      </c>
      <c r="J83" s="19" t="s">
        <v>1084</v>
      </c>
      <c r="K83" s="19" t="s">
        <v>1085</v>
      </c>
      <c r="L83" s="19" t="s">
        <v>1201</v>
      </c>
      <c r="M83" s="19" t="s">
        <v>1087</v>
      </c>
      <c r="N83" s="19" t="s">
        <v>28</v>
      </c>
    </row>
    <row r="84" spans="1:14" s="1" customFormat="1" ht="15" customHeight="1" x14ac:dyDescent="0.15">
      <c r="B84" s="19" t="s">
        <v>1357</v>
      </c>
      <c r="C84" s="19" t="s">
        <v>1130</v>
      </c>
      <c r="D84" s="19" t="s">
        <v>1130</v>
      </c>
      <c r="E84" s="19" t="s">
        <v>1081</v>
      </c>
      <c r="F84" s="19" t="s">
        <v>1259</v>
      </c>
      <c r="G84" s="19" t="s">
        <v>28</v>
      </c>
      <c r="H84" s="19" t="s">
        <v>28</v>
      </c>
      <c r="I84" s="19" t="s">
        <v>28</v>
      </c>
      <c r="J84" s="19" t="s">
        <v>1084</v>
      </c>
      <c r="K84" s="19" t="s">
        <v>1085</v>
      </c>
      <c r="L84" s="19" t="s">
        <v>1201</v>
      </c>
      <c r="M84" s="19" t="s">
        <v>1087</v>
      </c>
      <c r="N84" s="19" t="s">
        <v>28</v>
      </c>
    </row>
    <row r="85" spans="1:14" s="1" customFormat="1" ht="15" customHeight="1" x14ac:dyDescent="0.15">
      <c r="B85" s="19" t="s">
        <v>1358</v>
      </c>
      <c r="C85" s="19" t="s">
        <v>1130</v>
      </c>
      <c r="D85" s="19" t="s">
        <v>1130</v>
      </c>
      <c r="E85" s="19" t="s">
        <v>1081</v>
      </c>
      <c r="F85" s="19" t="s">
        <v>1359</v>
      </c>
      <c r="G85" s="19" t="s">
        <v>28</v>
      </c>
      <c r="H85" s="19" t="s">
        <v>28</v>
      </c>
      <c r="I85" s="19" t="s">
        <v>28</v>
      </c>
      <c r="J85" s="19" t="s">
        <v>1084</v>
      </c>
      <c r="K85" s="19" t="s">
        <v>1085</v>
      </c>
      <c r="L85" s="19" t="s">
        <v>1201</v>
      </c>
      <c r="M85" s="19" t="s">
        <v>1087</v>
      </c>
      <c r="N85" s="19" t="s">
        <v>28</v>
      </c>
    </row>
    <row r="86" spans="1:14" s="1" customFormat="1" ht="15" customHeight="1" x14ac:dyDescent="0.15">
      <c r="B86" s="19" t="s">
        <v>1360</v>
      </c>
      <c r="C86" s="19" t="s">
        <v>1130</v>
      </c>
      <c r="D86" s="19" t="s">
        <v>1130</v>
      </c>
      <c r="E86" s="19" t="s">
        <v>1081</v>
      </c>
      <c r="F86" s="19" t="s">
        <v>1361</v>
      </c>
      <c r="G86" s="19" t="s">
        <v>28</v>
      </c>
      <c r="H86" s="19" t="s">
        <v>28</v>
      </c>
      <c r="I86" s="19" t="s">
        <v>28</v>
      </c>
      <c r="J86" s="19" t="s">
        <v>1084</v>
      </c>
      <c r="K86" s="19" t="s">
        <v>1085</v>
      </c>
      <c r="L86" s="19" t="s">
        <v>1201</v>
      </c>
      <c r="M86" s="19" t="s">
        <v>1087</v>
      </c>
      <c r="N86" s="19" t="s">
        <v>28</v>
      </c>
    </row>
    <row r="87" spans="1:14" s="1" customFormat="1" ht="15" customHeight="1" x14ac:dyDescent="0.15">
      <c r="B87" s="19" t="s">
        <v>1362</v>
      </c>
      <c r="C87" s="19" t="s">
        <v>1130</v>
      </c>
      <c r="D87" s="19" t="s">
        <v>1130</v>
      </c>
      <c r="E87" s="19" t="s">
        <v>1081</v>
      </c>
      <c r="F87" s="19" t="s">
        <v>1217</v>
      </c>
      <c r="G87" s="19" t="s">
        <v>28</v>
      </c>
      <c r="H87" s="19" t="s">
        <v>28</v>
      </c>
      <c r="I87" s="19" t="s">
        <v>28</v>
      </c>
      <c r="J87" s="19" t="s">
        <v>1084</v>
      </c>
      <c r="K87" s="19" t="s">
        <v>1085</v>
      </c>
      <c r="L87" s="19" t="s">
        <v>1201</v>
      </c>
      <c r="M87" s="19" t="s">
        <v>1087</v>
      </c>
      <c r="N87" s="19" t="s">
        <v>28</v>
      </c>
    </row>
    <row r="89" spans="1:14" s="1" customFormat="1" ht="15" customHeight="1" x14ac:dyDescent="0.15">
      <c r="A89" s="16" t="s">
        <v>1178</v>
      </c>
      <c r="B89" s="17" t="s">
        <v>1066</v>
      </c>
      <c r="C89" s="17" t="s">
        <v>1067</v>
      </c>
      <c r="D89" s="17" t="s">
        <v>1068</v>
      </c>
      <c r="E89" s="17" t="s">
        <v>1069</v>
      </c>
      <c r="F89" s="17" t="s">
        <v>1070</v>
      </c>
      <c r="G89" s="17" t="s">
        <v>1071</v>
      </c>
      <c r="H89" s="17" t="s">
        <v>1072</v>
      </c>
      <c r="I89" s="17" t="s">
        <v>1179</v>
      </c>
      <c r="J89" s="18" t="s">
        <v>1078</v>
      </c>
    </row>
    <row r="90" spans="1:14" s="1" customFormat="1" ht="15" customHeight="1" x14ac:dyDescent="0.15">
      <c r="B90" s="19"/>
      <c r="C90" s="19"/>
      <c r="D90" s="19"/>
      <c r="E90" s="19"/>
      <c r="F90" s="19"/>
      <c r="G90" s="19"/>
      <c r="H90" s="19"/>
      <c r="I90" s="19"/>
      <c r="J90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67395FC-98D9-4361-86C6-C3FD140393A0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6" sqref="D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25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25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25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3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5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363</v>
      </c>
      <c r="C11" s="19" t="s">
        <v>1180</v>
      </c>
      <c r="D11" s="19" t="s">
        <v>1180</v>
      </c>
      <c r="E11" s="19" t="s">
        <v>1081</v>
      </c>
      <c r="F11" s="19" t="s">
        <v>1364</v>
      </c>
      <c r="G11" s="19" t="s">
        <v>28</v>
      </c>
      <c r="H11" s="19" t="s">
        <v>28</v>
      </c>
      <c r="I11" s="19" t="s">
        <v>1216</v>
      </c>
      <c r="J11" s="19" t="s">
        <v>28</v>
      </c>
      <c r="K11" s="19" t="s">
        <v>1365</v>
      </c>
      <c r="L11" s="19" t="s">
        <v>1086</v>
      </c>
      <c r="M11" s="19" t="s">
        <v>1223</v>
      </c>
      <c r="N11" s="19" t="s">
        <v>1366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6E2477-FE4D-4BCC-BA85-FC1545E2EFFD}">
  <sheetPr>
    <pageSetUpPr fitToPage="1"/>
  </sheetPr>
  <dimension ref="A2:N20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8" sqref="A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26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26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26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6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367</v>
      </c>
      <c r="C11" s="19" t="s">
        <v>1130</v>
      </c>
      <c r="D11" s="19" t="s">
        <v>1130</v>
      </c>
      <c r="E11" s="19" t="s">
        <v>1081</v>
      </c>
      <c r="F11" s="19" t="s">
        <v>1110</v>
      </c>
      <c r="G11" s="19" t="s">
        <v>28</v>
      </c>
      <c r="H11" s="19" t="s">
        <v>28</v>
      </c>
      <c r="I11" s="19" t="s">
        <v>28</v>
      </c>
      <c r="J11" s="19" t="s">
        <v>1369</v>
      </c>
      <c r="K11" s="19" t="s">
        <v>1087</v>
      </c>
      <c r="L11" s="19" t="s">
        <v>1201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368</v>
      </c>
      <c r="C12" s="19" t="s">
        <v>1130</v>
      </c>
      <c r="D12" s="19" t="s">
        <v>1130</v>
      </c>
      <c r="E12" s="19" t="s">
        <v>1081</v>
      </c>
      <c r="F12" s="19" t="s">
        <v>1110</v>
      </c>
      <c r="G12" s="19" t="s">
        <v>28</v>
      </c>
      <c r="H12" s="19" t="s">
        <v>28</v>
      </c>
      <c r="I12" s="19" t="s">
        <v>28</v>
      </c>
      <c r="J12" s="19" t="s">
        <v>1369</v>
      </c>
      <c r="K12" s="19" t="s">
        <v>1087</v>
      </c>
      <c r="L12" s="19" t="s">
        <v>1201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370</v>
      </c>
      <c r="C13" s="19" t="s">
        <v>1130</v>
      </c>
      <c r="D13" s="19" t="s">
        <v>1130</v>
      </c>
      <c r="E13" s="19" t="s">
        <v>1081</v>
      </c>
      <c r="F13" s="19" t="s">
        <v>1110</v>
      </c>
      <c r="G13" s="19" t="s">
        <v>28</v>
      </c>
      <c r="H13" s="19" t="s">
        <v>28</v>
      </c>
      <c r="I13" s="19" t="s">
        <v>28</v>
      </c>
      <c r="J13" s="19" t="s">
        <v>1369</v>
      </c>
      <c r="K13" s="19" t="s">
        <v>1087</v>
      </c>
      <c r="L13" s="19" t="s">
        <v>1201</v>
      </c>
      <c r="M13" s="19" t="s">
        <v>1087</v>
      </c>
      <c r="N13" s="19" t="s">
        <v>28</v>
      </c>
    </row>
    <row r="14" spans="1:14" s="1" customFormat="1" ht="15" customHeight="1" x14ac:dyDescent="0.15">
      <c r="B14" s="19" t="s">
        <v>1371</v>
      </c>
      <c r="C14" s="19" t="s">
        <v>1130</v>
      </c>
      <c r="D14" s="19" t="s">
        <v>1130</v>
      </c>
      <c r="E14" s="19" t="s">
        <v>1081</v>
      </c>
      <c r="F14" s="19" t="s">
        <v>1110</v>
      </c>
      <c r="G14" s="19" t="s">
        <v>28</v>
      </c>
      <c r="H14" s="19" t="s">
        <v>28</v>
      </c>
      <c r="I14" s="19" t="s">
        <v>28</v>
      </c>
      <c r="J14" s="19" t="s">
        <v>1369</v>
      </c>
      <c r="K14" s="19" t="s">
        <v>1087</v>
      </c>
      <c r="L14" s="19" t="s">
        <v>1201</v>
      </c>
      <c r="M14" s="19" t="s">
        <v>1087</v>
      </c>
      <c r="N14" s="19" t="s">
        <v>28</v>
      </c>
    </row>
    <row r="15" spans="1:14" s="1" customFormat="1" ht="15" customHeight="1" x14ac:dyDescent="0.15">
      <c r="B15" s="19" t="s">
        <v>1372</v>
      </c>
      <c r="C15" s="19" t="s">
        <v>1130</v>
      </c>
      <c r="D15" s="19" t="s">
        <v>1130</v>
      </c>
      <c r="E15" s="19" t="s">
        <v>1081</v>
      </c>
      <c r="F15" s="19" t="s">
        <v>1110</v>
      </c>
      <c r="G15" s="19" t="s">
        <v>28</v>
      </c>
      <c r="H15" s="19" t="s">
        <v>28</v>
      </c>
      <c r="I15" s="19" t="s">
        <v>28</v>
      </c>
      <c r="J15" s="19" t="s">
        <v>1369</v>
      </c>
      <c r="K15" s="19" t="s">
        <v>1087</v>
      </c>
      <c r="L15" s="19" t="s">
        <v>1201</v>
      </c>
      <c r="M15" s="19" t="s">
        <v>1087</v>
      </c>
      <c r="N15" s="19" t="s">
        <v>28</v>
      </c>
    </row>
    <row r="16" spans="1:14" s="1" customFormat="1" ht="15" customHeight="1" x14ac:dyDescent="0.15">
      <c r="B16" s="19" t="s">
        <v>1373</v>
      </c>
      <c r="C16" s="19" t="s">
        <v>1130</v>
      </c>
      <c r="D16" s="19" t="s">
        <v>1130</v>
      </c>
      <c r="E16" s="19" t="s">
        <v>1081</v>
      </c>
      <c r="F16" s="19" t="s">
        <v>1110</v>
      </c>
      <c r="G16" s="19" t="s">
        <v>28</v>
      </c>
      <c r="H16" s="19" t="s">
        <v>28</v>
      </c>
      <c r="I16" s="19" t="s">
        <v>28</v>
      </c>
      <c r="J16" s="19" t="s">
        <v>1369</v>
      </c>
      <c r="K16" s="19" t="s">
        <v>1087</v>
      </c>
      <c r="L16" s="19" t="s">
        <v>1201</v>
      </c>
      <c r="M16" s="19" t="s">
        <v>1087</v>
      </c>
      <c r="N16" s="19" t="s">
        <v>28</v>
      </c>
    </row>
    <row r="17" spans="1:14" s="1" customFormat="1" ht="15" customHeight="1" x14ac:dyDescent="0.15">
      <c r="B17" s="19" t="s">
        <v>1374</v>
      </c>
      <c r="C17" s="19" t="s">
        <v>1130</v>
      </c>
      <c r="D17" s="19" t="s">
        <v>1130</v>
      </c>
      <c r="E17" s="19" t="s">
        <v>1081</v>
      </c>
      <c r="F17" s="19" t="s">
        <v>1110</v>
      </c>
      <c r="G17" s="19" t="s">
        <v>28</v>
      </c>
      <c r="H17" s="19" t="s">
        <v>28</v>
      </c>
      <c r="I17" s="19" t="s">
        <v>28</v>
      </c>
      <c r="J17" s="19" t="s">
        <v>1369</v>
      </c>
      <c r="K17" s="19" t="s">
        <v>1087</v>
      </c>
      <c r="L17" s="19" t="s">
        <v>1201</v>
      </c>
      <c r="M17" s="19" t="s">
        <v>1087</v>
      </c>
      <c r="N17" s="19" t="s">
        <v>28</v>
      </c>
    </row>
    <row r="19" spans="1:14" s="1" customFormat="1" ht="15" customHeight="1" x14ac:dyDescent="0.15">
      <c r="A19" s="16" t="s">
        <v>1178</v>
      </c>
      <c r="B19" s="17" t="s">
        <v>1066</v>
      </c>
      <c r="C19" s="17" t="s">
        <v>1067</v>
      </c>
      <c r="D19" s="17" t="s">
        <v>1068</v>
      </c>
      <c r="E19" s="17" t="s">
        <v>1069</v>
      </c>
      <c r="F19" s="17" t="s">
        <v>1070</v>
      </c>
      <c r="G19" s="17" t="s">
        <v>1071</v>
      </c>
      <c r="H19" s="17" t="s">
        <v>1072</v>
      </c>
      <c r="I19" s="17" t="s">
        <v>1179</v>
      </c>
      <c r="J19" s="18" t="s">
        <v>1078</v>
      </c>
    </row>
    <row r="20" spans="1:14" s="1" customFormat="1" ht="15" customHeight="1" x14ac:dyDescent="0.15">
      <c r="B20" s="19"/>
      <c r="C20" s="19"/>
      <c r="D20" s="19"/>
      <c r="E20" s="19"/>
      <c r="F20" s="19"/>
      <c r="G20" s="19"/>
      <c r="H20" s="19"/>
      <c r="I20" s="19"/>
      <c r="J20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EB19B7-5001-46B4-A6A2-FAC8DA48E1AF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8" sqref="C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27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27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27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7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7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0B2763-5166-477B-A6A0-73A1DD255F23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6" sqref="C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A297339-6842-4762-A558-A4D09F4EFDCA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19" sqref="A1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28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28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28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8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8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8CE81C-6987-4389-AB9B-A2DA1141E765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3" sqref="B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29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29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29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9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0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EE7344B-8337-4BE6-9DDC-1EB9EF51D42E}">
  <sheetPr>
    <pageSetUpPr fitToPage="1"/>
  </sheetPr>
  <dimension ref="A2:N21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N11" sqref="N1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0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1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1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1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1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34</v>
      </c>
      <c r="C11" s="19" t="s">
        <v>1080</v>
      </c>
      <c r="D11" s="19" t="s">
        <v>1080</v>
      </c>
      <c r="E11" s="19" t="s">
        <v>1081</v>
      </c>
      <c r="F11" s="19" t="s">
        <v>1124</v>
      </c>
      <c r="G11" s="19" t="s">
        <v>28</v>
      </c>
      <c r="H11" s="19" t="s">
        <v>28</v>
      </c>
      <c r="I11" s="19" t="s">
        <v>1375</v>
      </c>
      <c r="J11" s="19" t="s">
        <v>28</v>
      </c>
      <c r="K11" s="19" t="s">
        <v>28</v>
      </c>
      <c r="L11" s="19" t="s">
        <v>28</v>
      </c>
      <c r="M11" s="19" t="s">
        <v>28</v>
      </c>
      <c r="N11" s="19" t="s">
        <v>28</v>
      </c>
    </row>
    <row r="12" spans="1:14" s="1" customFormat="1" ht="15" customHeight="1" x14ac:dyDescent="0.15">
      <c r="B12" s="19" t="s">
        <v>1136</v>
      </c>
      <c r="C12" s="19" t="s">
        <v>1080</v>
      </c>
      <c r="D12" s="19" t="s">
        <v>1080</v>
      </c>
      <c r="E12" s="19" t="s">
        <v>1081</v>
      </c>
      <c r="F12" s="19" t="s">
        <v>1376</v>
      </c>
      <c r="G12" s="19" t="s">
        <v>28</v>
      </c>
      <c r="H12" s="19" t="s">
        <v>28</v>
      </c>
      <c r="I12" s="19" t="s">
        <v>1375</v>
      </c>
      <c r="J12" s="19" t="s">
        <v>28</v>
      </c>
      <c r="K12" s="19" t="s">
        <v>28</v>
      </c>
      <c r="L12" s="19" t="s">
        <v>28</v>
      </c>
      <c r="M12" s="19" t="s">
        <v>28</v>
      </c>
      <c r="N12" s="19" t="s">
        <v>28</v>
      </c>
    </row>
    <row r="13" spans="1:14" s="1" customFormat="1" ht="15" customHeight="1" x14ac:dyDescent="0.15">
      <c r="B13" s="19" t="s">
        <v>1137</v>
      </c>
      <c r="C13" s="19" t="s">
        <v>1080</v>
      </c>
      <c r="D13" s="19" t="s">
        <v>1080</v>
      </c>
      <c r="E13" s="19" t="s">
        <v>1253</v>
      </c>
      <c r="F13" s="19" t="s">
        <v>1377</v>
      </c>
      <c r="G13" s="19" t="s">
        <v>28</v>
      </c>
      <c r="H13" s="19" t="s">
        <v>28</v>
      </c>
      <c r="I13" s="19" t="s">
        <v>1375</v>
      </c>
      <c r="J13" s="19" t="s">
        <v>28</v>
      </c>
      <c r="K13" s="19" t="s">
        <v>28</v>
      </c>
      <c r="L13" s="19" t="s">
        <v>28</v>
      </c>
      <c r="M13" s="19" t="s">
        <v>28</v>
      </c>
      <c r="N13" s="19" t="s">
        <v>28</v>
      </c>
    </row>
    <row r="14" spans="1:14" s="1" customFormat="1" ht="15" customHeight="1" x14ac:dyDescent="0.15">
      <c r="B14" s="19" t="s">
        <v>1138</v>
      </c>
      <c r="C14" s="19" t="s">
        <v>1080</v>
      </c>
      <c r="D14" s="19" t="s">
        <v>1080</v>
      </c>
      <c r="E14" s="19" t="s">
        <v>1207</v>
      </c>
      <c r="F14" s="19" t="s">
        <v>1378</v>
      </c>
      <c r="G14" s="19" t="s">
        <v>28</v>
      </c>
      <c r="H14" s="19" t="s">
        <v>28</v>
      </c>
      <c r="I14" s="19" t="s">
        <v>1375</v>
      </c>
      <c r="J14" s="19" t="s">
        <v>28</v>
      </c>
      <c r="K14" s="19" t="s">
        <v>28</v>
      </c>
      <c r="L14" s="19" t="s">
        <v>28</v>
      </c>
      <c r="M14" s="19" t="s">
        <v>28</v>
      </c>
      <c r="N14" s="19" t="s">
        <v>28</v>
      </c>
    </row>
    <row r="15" spans="1:14" s="1" customFormat="1" ht="15" customHeight="1" x14ac:dyDescent="0.15">
      <c r="B15" s="19" t="s">
        <v>1140</v>
      </c>
      <c r="C15" s="19" t="s">
        <v>1080</v>
      </c>
      <c r="D15" s="19" t="s">
        <v>1080</v>
      </c>
      <c r="E15" s="19" t="s">
        <v>1198</v>
      </c>
      <c r="F15" s="19" t="s">
        <v>1379</v>
      </c>
      <c r="G15" s="19" t="s">
        <v>28</v>
      </c>
      <c r="H15" s="19" t="s">
        <v>28</v>
      </c>
      <c r="I15" s="19" t="s">
        <v>1375</v>
      </c>
      <c r="J15" s="19" t="s">
        <v>28</v>
      </c>
      <c r="K15" s="19" t="s">
        <v>28</v>
      </c>
      <c r="L15" s="19" t="s">
        <v>28</v>
      </c>
      <c r="M15" s="19" t="s">
        <v>28</v>
      </c>
      <c r="N15" s="19" t="s">
        <v>28</v>
      </c>
    </row>
    <row r="16" spans="1:14" s="1" customFormat="1" ht="15" customHeight="1" x14ac:dyDescent="0.15">
      <c r="B16" s="19" t="s">
        <v>1141</v>
      </c>
      <c r="C16" s="19" t="s">
        <v>1080</v>
      </c>
      <c r="D16" s="19" t="s">
        <v>1080</v>
      </c>
      <c r="E16" s="19" t="s">
        <v>1257</v>
      </c>
      <c r="F16" s="19" t="s">
        <v>1380</v>
      </c>
      <c r="G16" s="19" t="s">
        <v>28</v>
      </c>
      <c r="H16" s="19" t="s">
        <v>28</v>
      </c>
      <c r="I16" s="19" t="s">
        <v>1375</v>
      </c>
      <c r="J16" s="19" t="s">
        <v>28</v>
      </c>
      <c r="K16" s="19" t="s">
        <v>28</v>
      </c>
      <c r="L16" s="19" t="s">
        <v>28</v>
      </c>
      <c r="M16" s="19" t="s">
        <v>28</v>
      </c>
      <c r="N16" s="19" t="s">
        <v>28</v>
      </c>
    </row>
    <row r="17" spans="1:14" s="1" customFormat="1" ht="15" customHeight="1" x14ac:dyDescent="0.15">
      <c r="B17" s="19" t="s">
        <v>1142</v>
      </c>
      <c r="C17" s="19" t="s">
        <v>1080</v>
      </c>
      <c r="D17" s="19" t="s">
        <v>1080</v>
      </c>
      <c r="E17" s="19" t="s">
        <v>1253</v>
      </c>
      <c r="F17" s="19" t="s">
        <v>1381</v>
      </c>
      <c r="G17" s="19" t="s">
        <v>28</v>
      </c>
      <c r="H17" s="19" t="s">
        <v>28</v>
      </c>
      <c r="I17" s="19" t="s">
        <v>1375</v>
      </c>
      <c r="J17" s="19" t="s">
        <v>28</v>
      </c>
      <c r="K17" s="19" t="s">
        <v>28</v>
      </c>
      <c r="L17" s="19" t="s">
        <v>28</v>
      </c>
      <c r="M17" s="19" t="s">
        <v>28</v>
      </c>
      <c r="N17" s="19" t="s">
        <v>28</v>
      </c>
    </row>
    <row r="18" spans="1:14" s="1" customFormat="1" ht="15" customHeight="1" x14ac:dyDescent="0.15">
      <c r="B18" s="19" t="s">
        <v>1143</v>
      </c>
      <c r="C18" s="19" t="s">
        <v>1080</v>
      </c>
      <c r="D18" s="19" t="s">
        <v>1080</v>
      </c>
      <c r="E18" s="19" t="s">
        <v>1081</v>
      </c>
      <c r="F18" s="19" t="s">
        <v>1382</v>
      </c>
      <c r="G18" s="19" t="s">
        <v>28</v>
      </c>
      <c r="H18" s="19" t="s">
        <v>28</v>
      </c>
      <c r="I18" s="19" t="s">
        <v>1375</v>
      </c>
      <c r="J18" s="19" t="s">
        <v>28</v>
      </c>
      <c r="K18" s="19" t="s">
        <v>28</v>
      </c>
      <c r="L18" s="19" t="s">
        <v>28</v>
      </c>
      <c r="M18" s="19" t="s">
        <v>28</v>
      </c>
      <c r="N18" s="19" t="s">
        <v>28</v>
      </c>
    </row>
    <row r="20" spans="1:14" s="1" customFormat="1" ht="15" customHeight="1" x14ac:dyDescent="0.15">
      <c r="A20" s="16" t="s">
        <v>1178</v>
      </c>
      <c r="B20" s="17" t="s">
        <v>1066</v>
      </c>
      <c r="C20" s="17" t="s">
        <v>1067</v>
      </c>
      <c r="D20" s="17" t="s">
        <v>1068</v>
      </c>
      <c r="E20" s="17" t="s">
        <v>1069</v>
      </c>
      <c r="F20" s="17" t="s">
        <v>1070</v>
      </c>
      <c r="G20" s="17" t="s">
        <v>1071</v>
      </c>
      <c r="H20" s="17" t="s">
        <v>1072</v>
      </c>
      <c r="I20" s="17" t="s">
        <v>1179</v>
      </c>
      <c r="J20" s="18" t="s">
        <v>1078</v>
      </c>
    </row>
    <row r="21" spans="1:14" s="1" customFormat="1" ht="15" customHeight="1" x14ac:dyDescent="0.15">
      <c r="B21" s="19"/>
      <c r="C21" s="19"/>
      <c r="D21" s="19"/>
      <c r="E21" s="19"/>
      <c r="F21" s="19"/>
      <c r="G21" s="19"/>
      <c r="H21" s="19"/>
      <c r="I21" s="19"/>
      <c r="J21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79AE98-0DCF-4BC1-AD97-D3689DEB9978}">
  <sheetPr>
    <pageSetUpPr fitToPage="1"/>
  </sheetPr>
  <dimension ref="A2:N2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8" sqref="A8:XFD4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2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2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2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2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2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383</v>
      </c>
      <c r="C11" s="19" t="s">
        <v>1180</v>
      </c>
      <c r="D11" s="19" t="s">
        <v>1180</v>
      </c>
      <c r="E11" s="19" t="s">
        <v>1081</v>
      </c>
      <c r="F11" s="19" t="s">
        <v>1384</v>
      </c>
      <c r="G11" s="19" t="s">
        <v>28</v>
      </c>
      <c r="H11" s="19" t="s">
        <v>28</v>
      </c>
      <c r="I11" s="19" t="s">
        <v>1122</v>
      </c>
      <c r="J11" s="19" t="s">
        <v>28</v>
      </c>
      <c r="K11" s="19" t="s">
        <v>1085</v>
      </c>
      <c r="L11" s="19" t="s">
        <v>1086</v>
      </c>
      <c r="M11" s="19" t="s">
        <v>1223</v>
      </c>
      <c r="N11" s="19" t="s">
        <v>28</v>
      </c>
    </row>
    <row r="12" spans="1:14" s="1" customFormat="1" ht="15" customHeight="1" x14ac:dyDescent="0.15">
      <c r="B12" s="19" t="s">
        <v>1385</v>
      </c>
      <c r="C12" s="19" t="s">
        <v>112</v>
      </c>
      <c r="D12" s="19" t="s">
        <v>1386</v>
      </c>
      <c r="E12" s="19" t="s">
        <v>1081</v>
      </c>
      <c r="F12" s="19" t="s">
        <v>28</v>
      </c>
      <c r="G12" s="19" t="s">
        <v>1387</v>
      </c>
      <c r="H12" s="19" t="s">
        <v>28</v>
      </c>
      <c r="I12" s="19" t="s">
        <v>28</v>
      </c>
      <c r="J12" s="19" t="s">
        <v>1388</v>
      </c>
      <c r="K12" s="19" t="s">
        <v>1085</v>
      </c>
      <c r="L12" s="19" t="s">
        <v>1086</v>
      </c>
      <c r="M12" s="19" t="s">
        <v>1223</v>
      </c>
      <c r="N12" s="19" t="s">
        <v>28</v>
      </c>
    </row>
    <row r="13" spans="1:14" s="1" customFormat="1" ht="15" customHeight="1" x14ac:dyDescent="0.15">
      <c r="B13" s="19" t="s">
        <v>1389</v>
      </c>
      <c r="C13" s="19" t="s">
        <v>1180</v>
      </c>
      <c r="D13" s="19" t="s">
        <v>1180</v>
      </c>
      <c r="E13" s="19" t="s">
        <v>1081</v>
      </c>
      <c r="F13" s="19" t="s">
        <v>1390</v>
      </c>
      <c r="G13" s="19" t="s">
        <v>28</v>
      </c>
      <c r="H13" s="19" t="s">
        <v>28</v>
      </c>
      <c r="I13" s="19" t="s">
        <v>1391</v>
      </c>
      <c r="J13" s="19" t="s">
        <v>28</v>
      </c>
      <c r="K13" s="19" t="s">
        <v>1085</v>
      </c>
      <c r="L13" s="19" t="s">
        <v>1086</v>
      </c>
      <c r="M13" s="19" t="s">
        <v>1223</v>
      </c>
      <c r="N13" s="19" t="s">
        <v>28</v>
      </c>
    </row>
    <row r="14" spans="1:14" s="1" customFormat="1" ht="15" customHeight="1" x14ac:dyDescent="0.15">
      <c r="B14" s="19" t="s">
        <v>1392</v>
      </c>
      <c r="C14" s="19" t="s">
        <v>1180</v>
      </c>
      <c r="D14" s="19" t="s">
        <v>1180</v>
      </c>
      <c r="E14" s="19" t="s">
        <v>1081</v>
      </c>
      <c r="F14" s="19" t="s">
        <v>1393</v>
      </c>
      <c r="G14" s="19" t="s">
        <v>28</v>
      </c>
      <c r="H14" s="19" t="s">
        <v>28</v>
      </c>
      <c r="I14" s="19" t="s">
        <v>1391</v>
      </c>
      <c r="J14" s="19" t="s">
        <v>28</v>
      </c>
      <c r="K14" s="19" t="s">
        <v>1085</v>
      </c>
      <c r="L14" s="19" t="s">
        <v>1086</v>
      </c>
      <c r="M14" s="19" t="s">
        <v>1223</v>
      </c>
      <c r="N14" s="19" t="s">
        <v>28</v>
      </c>
    </row>
    <row r="15" spans="1:14" s="1" customFormat="1" ht="15" customHeight="1" x14ac:dyDescent="0.15">
      <c r="B15" s="19" t="s">
        <v>1394</v>
      </c>
      <c r="C15" s="19" t="s">
        <v>1180</v>
      </c>
      <c r="D15" s="19" t="s">
        <v>1180</v>
      </c>
      <c r="E15" s="19" t="s">
        <v>1081</v>
      </c>
      <c r="F15" s="19" t="s">
        <v>1390</v>
      </c>
      <c r="G15" s="19" t="s">
        <v>28</v>
      </c>
      <c r="H15" s="19" t="s">
        <v>28</v>
      </c>
      <c r="I15" s="19" t="s">
        <v>1391</v>
      </c>
      <c r="J15" s="19" t="s">
        <v>28</v>
      </c>
      <c r="K15" s="19" t="s">
        <v>1085</v>
      </c>
      <c r="L15" s="19" t="s">
        <v>1086</v>
      </c>
      <c r="M15" s="19" t="s">
        <v>1223</v>
      </c>
      <c r="N15" s="19" t="s">
        <v>28</v>
      </c>
    </row>
    <row r="16" spans="1:14" s="1" customFormat="1" ht="15" customHeight="1" x14ac:dyDescent="0.15">
      <c r="B16" s="19" t="s">
        <v>1395</v>
      </c>
      <c r="C16" s="19" t="s">
        <v>1180</v>
      </c>
      <c r="D16" s="19" t="s">
        <v>1180</v>
      </c>
      <c r="E16" s="19" t="s">
        <v>1081</v>
      </c>
      <c r="F16" s="19" t="s">
        <v>28</v>
      </c>
      <c r="G16" s="19" t="s">
        <v>28</v>
      </c>
      <c r="H16" s="19" t="s">
        <v>28</v>
      </c>
      <c r="I16" s="19" t="s">
        <v>1122</v>
      </c>
      <c r="J16" s="19" t="s">
        <v>28</v>
      </c>
      <c r="K16" s="19" t="s">
        <v>1085</v>
      </c>
      <c r="L16" s="19" t="s">
        <v>1086</v>
      </c>
      <c r="M16" s="19" t="s">
        <v>1223</v>
      </c>
      <c r="N16" s="19" t="s">
        <v>28</v>
      </c>
    </row>
    <row r="17" spans="1:14" s="1" customFormat="1" ht="15" customHeight="1" x14ac:dyDescent="0.15">
      <c r="B17" s="19" t="s">
        <v>1396</v>
      </c>
      <c r="C17" s="19" t="s">
        <v>1180</v>
      </c>
      <c r="D17" s="19" t="s">
        <v>1180</v>
      </c>
      <c r="E17" s="19" t="s">
        <v>1081</v>
      </c>
      <c r="F17" s="19" t="s">
        <v>28</v>
      </c>
      <c r="G17" s="19" t="s">
        <v>28</v>
      </c>
      <c r="H17" s="19" t="s">
        <v>28</v>
      </c>
      <c r="I17" s="19" t="s">
        <v>1235</v>
      </c>
      <c r="J17" s="19" t="s">
        <v>28</v>
      </c>
      <c r="K17" s="19" t="s">
        <v>1085</v>
      </c>
      <c r="L17" s="19" t="s">
        <v>1086</v>
      </c>
      <c r="M17" s="19" t="s">
        <v>1223</v>
      </c>
      <c r="N17" s="19" t="s">
        <v>28</v>
      </c>
    </row>
    <row r="19" spans="1:14" s="1" customFormat="1" ht="15" customHeight="1" x14ac:dyDescent="0.15">
      <c r="A19" s="16" t="s">
        <v>1178</v>
      </c>
      <c r="B19" s="17" t="s">
        <v>1066</v>
      </c>
      <c r="C19" s="17" t="s">
        <v>1067</v>
      </c>
      <c r="D19" s="17" t="s">
        <v>1068</v>
      </c>
      <c r="E19" s="17" t="s">
        <v>1069</v>
      </c>
      <c r="F19" s="17" t="s">
        <v>1070</v>
      </c>
      <c r="G19" s="17" t="s">
        <v>1071</v>
      </c>
      <c r="H19" s="17" t="s">
        <v>1072</v>
      </c>
      <c r="I19" s="17" t="s">
        <v>1179</v>
      </c>
      <c r="J19" s="18" t="s">
        <v>1078</v>
      </c>
    </row>
    <row r="20" spans="1:14" s="1" customFormat="1" ht="15" customHeight="1" x14ac:dyDescent="0.15">
      <c r="B20" s="19" t="s">
        <v>1397</v>
      </c>
      <c r="C20" s="19" t="s">
        <v>1130</v>
      </c>
      <c r="D20" s="19" t="s">
        <v>1130</v>
      </c>
      <c r="E20" s="19" t="s">
        <v>1198</v>
      </c>
      <c r="F20" s="19" t="s">
        <v>1259</v>
      </c>
      <c r="G20" s="19" t="s">
        <v>28</v>
      </c>
      <c r="H20" s="19" t="s">
        <v>28</v>
      </c>
      <c r="I20" s="19" t="s">
        <v>28</v>
      </c>
      <c r="J20" s="19" t="s">
        <v>28</v>
      </c>
    </row>
    <row r="21" spans="1:14" s="1" customFormat="1" ht="15" customHeight="1" x14ac:dyDescent="0.15">
      <c r="B21" s="19" t="s">
        <v>1398</v>
      </c>
      <c r="C21" s="19" t="s">
        <v>1180</v>
      </c>
      <c r="D21" s="19" t="s">
        <v>1180</v>
      </c>
      <c r="E21" s="19" t="s">
        <v>1081</v>
      </c>
      <c r="F21" s="19" t="s">
        <v>1399</v>
      </c>
      <c r="G21" s="19" t="s">
        <v>28</v>
      </c>
      <c r="H21" s="19" t="s">
        <v>28</v>
      </c>
      <c r="I21" s="19" t="s">
        <v>28</v>
      </c>
      <c r="J21" s="19" t="s">
        <v>28</v>
      </c>
    </row>
    <row r="22" spans="1:14" s="1" customFormat="1" ht="15" customHeight="1" x14ac:dyDescent="0.15">
      <c r="B22" s="19" t="s">
        <v>1400</v>
      </c>
      <c r="C22" s="19" t="s">
        <v>1180</v>
      </c>
      <c r="D22" s="19" t="s">
        <v>1180</v>
      </c>
      <c r="E22" s="19" t="s">
        <v>1081</v>
      </c>
      <c r="F22" s="19" t="s">
        <v>1401</v>
      </c>
      <c r="G22" s="19" t="s">
        <v>28</v>
      </c>
      <c r="H22" s="19" t="s">
        <v>28</v>
      </c>
      <c r="I22" s="19" t="s">
        <v>28</v>
      </c>
      <c r="J22" s="19" t="s">
        <v>28</v>
      </c>
    </row>
    <row r="23" spans="1:14" s="1" customFormat="1" ht="15" customHeight="1" x14ac:dyDescent="0.15">
      <c r="B23" s="19" t="s">
        <v>1402</v>
      </c>
      <c r="C23" s="19" t="s">
        <v>1180</v>
      </c>
      <c r="D23" s="19" t="s">
        <v>1180</v>
      </c>
      <c r="E23" s="19" t="s">
        <v>1081</v>
      </c>
      <c r="F23" s="19" t="s">
        <v>1401</v>
      </c>
      <c r="G23" s="19" t="s">
        <v>28</v>
      </c>
      <c r="H23" s="19" t="s">
        <v>28</v>
      </c>
      <c r="I23" s="19" t="s">
        <v>28</v>
      </c>
      <c r="J23" s="19" t="s">
        <v>28</v>
      </c>
    </row>
    <row r="24" spans="1:14" s="1" customFormat="1" ht="15" customHeight="1" x14ac:dyDescent="0.15">
      <c r="B24" s="19" t="s">
        <v>1403</v>
      </c>
      <c r="C24" s="19" t="s">
        <v>1180</v>
      </c>
      <c r="D24" s="19" t="s">
        <v>1180</v>
      </c>
      <c r="E24" s="19" t="s">
        <v>1081</v>
      </c>
      <c r="F24" s="19" t="s">
        <v>1378</v>
      </c>
      <c r="G24" s="19" t="s">
        <v>28</v>
      </c>
      <c r="H24" s="19" t="s">
        <v>28</v>
      </c>
      <c r="I24" s="19" t="s">
        <v>28</v>
      </c>
      <c r="J24" s="19" t="s">
        <v>28</v>
      </c>
    </row>
    <row r="25" spans="1:14" s="1" customFormat="1" ht="15" customHeight="1" x14ac:dyDescent="0.15">
      <c r="B25" s="19" t="s">
        <v>1404</v>
      </c>
      <c r="C25" s="19" t="s">
        <v>1080</v>
      </c>
      <c r="D25" s="19" t="s">
        <v>1080</v>
      </c>
      <c r="E25" s="19" t="s">
        <v>1081</v>
      </c>
      <c r="F25" s="19" t="s">
        <v>1128</v>
      </c>
      <c r="G25" s="19" t="s">
        <v>28</v>
      </c>
      <c r="H25" s="19" t="s">
        <v>28</v>
      </c>
      <c r="I25" s="19" t="s">
        <v>28</v>
      </c>
      <c r="J25" s="19" t="s">
        <v>28</v>
      </c>
    </row>
    <row r="26" spans="1:14" s="1" customFormat="1" ht="15" customHeight="1" x14ac:dyDescent="0.15">
      <c r="B26" s="19" t="s">
        <v>1405</v>
      </c>
      <c r="C26" s="19" t="s">
        <v>1080</v>
      </c>
      <c r="D26" s="19" t="s">
        <v>1080</v>
      </c>
      <c r="E26" s="19" t="s">
        <v>1081</v>
      </c>
      <c r="F26" s="19" t="s">
        <v>1128</v>
      </c>
      <c r="G26" s="19" t="s">
        <v>28</v>
      </c>
      <c r="H26" s="19" t="s">
        <v>28</v>
      </c>
      <c r="I26" s="19" t="s">
        <v>28</v>
      </c>
      <c r="J26" s="19" t="s">
        <v>28</v>
      </c>
    </row>
    <row r="27" spans="1:14" s="1" customFormat="1" ht="15" customHeight="1" x14ac:dyDescent="0.15">
      <c r="B27" s="19" t="s">
        <v>1406</v>
      </c>
      <c r="C27" s="19" t="s">
        <v>1080</v>
      </c>
      <c r="D27" s="19" t="s">
        <v>1080</v>
      </c>
      <c r="E27" s="19" t="s">
        <v>1081</v>
      </c>
      <c r="F27" s="19" t="s">
        <v>1393</v>
      </c>
      <c r="G27" s="19" t="s">
        <v>28</v>
      </c>
      <c r="H27" s="19" t="s">
        <v>28</v>
      </c>
      <c r="I27" s="19" t="s">
        <v>28</v>
      </c>
      <c r="J27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B9EA66-C267-4A6D-B29A-505D3EAC5CD3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I32" sqref="I3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3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3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3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3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5</v>
      </c>
      <c r="C7" s="9"/>
      <c r="D7" s="9"/>
      <c r="E7" s="9"/>
      <c r="F7" s="9"/>
      <c r="G7" s="10"/>
      <c r="H7" s="11"/>
      <c r="I7" s="12"/>
    </row>
    <row r="8" spans="1:14" s="1" customFormat="1" ht="13.5" customHeight="1" x14ac:dyDescent="0.15">
      <c r="A8" s="7"/>
      <c r="B8" s="8"/>
      <c r="C8" s="9"/>
      <c r="D8" s="9"/>
      <c r="E8" s="9"/>
      <c r="F8" s="9"/>
      <c r="G8" s="10"/>
      <c r="H8" s="11"/>
      <c r="I8" s="12"/>
    </row>
    <row r="11" spans="1:14" s="1" customFormat="1" ht="13.5" customHeight="1" x14ac:dyDescent="0.15">
      <c r="A11" s="16" t="s">
        <v>1065</v>
      </c>
      <c r="B11" s="17" t="s">
        <v>1066</v>
      </c>
      <c r="C11" s="17" t="s">
        <v>1067</v>
      </c>
      <c r="D11" s="17" t="s">
        <v>1068</v>
      </c>
      <c r="E11" s="17" t="s">
        <v>1069</v>
      </c>
      <c r="F11" s="17" t="s">
        <v>1070</v>
      </c>
      <c r="G11" s="17" t="s">
        <v>1071</v>
      </c>
      <c r="H11" s="17" t="s">
        <v>1072</v>
      </c>
      <c r="I11" s="17" t="s">
        <v>1073</v>
      </c>
      <c r="J11" s="17" t="s">
        <v>1074</v>
      </c>
      <c r="K11" s="17" t="s">
        <v>1075</v>
      </c>
      <c r="L11" s="17" t="s">
        <v>1076</v>
      </c>
      <c r="M11" s="17" t="s">
        <v>1077</v>
      </c>
      <c r="N11" s="18" t="s">
        <v>1078</v>
      </c>
    </row>
    <row r="12" spans="1:14" s="1" customFormat="1" ht="15" customHeight="1" x14ac:dyDescent="0.15">
      <c r="B12" s="19" t="s">
        <v>1407</v>
      </c>
      <c r="C12" s="19" t="s">
        <v>1408</v>
      </c>
      <c r="D12" s="19" t="s">
        <v>1408</v>
      </c>
      <c r="E12" s="19" t="s">
        <v>1081</v>
      </c>
      <c r="F12" s="19" t="s">
        <v>1409</v>
      </c>
      <c r="G12" s="19" t="s">
        <v>28</v>
      </c>
      <c r="H12" s="19" t="s">
        <v>28</v>
      </c>
      <c r="I12" s="19" t="s">
        <v>1410</v>
      </c>
      <c r="J12" s="19" t="s">
        <v>28</v>
      </c>
      <c r="K12" s="19" t="s">
        <v>1085</v>
      </c>
      <c r="L12" s="19" t="s">
        <v>1086</v>
      </c>
      <c r="M12" s="19" t="s">
        <v>1087</v>
      </c>
      <c r="N12" s="19" t="s">
        <v>28</v>
      </c>
    </row>
    <row r="14" spans="1:14" s="1" customFormat="1" ht="15" customHeight="1" x14ac:dyDescent="0.15">
      <c r="A14" s="16" t="s">
        <v>1178</v>
      </c>
      <c r="B14" s="17" t="s">
        <v>1066</v>
      </c>
      <c r="C14" s="17" t="s">
        <v>1067</v>
      </c>
      <c r="D14" s="17" t="s">
        <v>1068</v>
      </c>
      <c r="E14" s="17" t="s">
        <v>1069</v>
      </c>
      <c r="F14" s="17" t="s">
        <v>1070</v>
      </c>
      <c r="G14" s="17" t="s">
        <v>1071</v>
      </c>
      <c r="H14" s="17" t="s">
        <v>1072</v>
      </c>
      <c r="I14" s="17" t="s">
        <v>1179</v>
      </c>
      <c r="J14" s="18" t="s">
        <v>1078</v>
      </c>
    </row>
    <row r="15" spans="1:14" s="1" customFormat="1" ht="15" customHeight="1" x14ac:dyDescent="0.15">
      <c r="B15" s="19" t="s">
        <v>1411</v>
      </c>
      <c r="C15" s="19" t="s">
        <v>1180</v>
      </c>
      <c r="D15" s="19" t="s">
        <v>1180</v>
      </c>
      <c r="E15" s="19" t="s">
        <v>1081</v>
      </c>
      <c r="F15" s="19" t="s">
        <v>1412</v>
      </c>
      <c r="G15" s="19" t="s">
        <v>28</v>
      </c>
      <c r="H15" s="19" t="s">
        <v>28</v>
      </c>
      <c r="I15" s="19" t="s">
        <v>28</v>
      </c>
      <c r="J15" s="19" t="s">
        <v>141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8F2FE96-BA6D-4B02-8A66-141C010B557B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4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4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4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4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4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BEDDE55-3C7C-4FE3-87A0-E7906922CE37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0" sqref="B2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5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5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5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5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5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414</v>
      </c>
      <c r="C14" s="19" t="s">
        <v>1180</v>
      </c>
      <c r="D14" s="19" t="s">
        <v>1180</v>
      </c>
      <c r="E14" s="19" t="s">
        <v>1081</v>
      </c>
      <c r="F14" s="19" t="s">
        <v>1415</v>
      </c>
      <c r="G14" s="19" t="s">
        <v>28</v>
      </c>
      <c r="H14" s="19" t="s">
        <v>28</v>
      </c>
      <c r="I14" s="19" t="s">
        <v>28</v>
      </c>
      <c r="J14" s="19" t="s">
        <v>1416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D2389B-A83C-407D-AE35-9134B4FF6D74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H31" sqref="H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6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6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6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6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417</v>
      </c>
      <c r="C14" s="19" t="s">
        <v>1180</v>
      </c>
      <c r="D14" s="19" t="s">
        <v>1180</v>
      </c>
      <c r="E14" s="19" t="s">
        <v>1081</v>
      </c>
      <c r="F14" s="19" t="s">
        <v>1418</v>
      </c>
      <c r="G14" s="19" t="s">
        <v>28</v>
      </c>
      <c r="H14" s="19" t="s">
        <v>28</v>
      </c>
      <c r="I14" s="19" t="s">
        <v>1419</v>
      </c>
      <c r="J14" s="19" t="s">
        <v>1420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06B546-FE0B-4D18-A20F-9EE3C2381395}">
  <sheetPr>
    <pageSetUpPr fitToPage="1"/>
  </sheetPr>
  <dimension ref="A2:N36"/>
  <sheetViews>
    <sheetView workbookViewId="0">
      <pane xSplit="1" ySplit="3" topLeftCell="B7" activePane="bottomRight" state="frozen"/>
      <selection pane="topRight" activeCell="B1" sqref="B1"/>
      <selection pane="bottomLeft" activeCell="A4" sqref="A4"/>
      <selection pane="bottomRight" activeCell="A19" sqref="A1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6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6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6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6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421</v>
      </c>
      <c r="C11" s="19" t="s">
        <v>1422</v>
      </c>
      <c r="D11" s="19" t="s">
        <v>1422</v>
      </c>
      <c r="E11" s="19" t="s">
        <v>1081</v>
      </c>
      <c r="F11" s="19" t="s">
        <v>1158</v>
      </c>
      <c r="G11" s="19" t="s">
        <v>28</v>
      </c>
      <c r="H11" s="19" t="s">
        <v>28</v>
      </c>
      <c r="I11" s="19" t="s">
        <v>28</v>
      </c>
      <c r="J11" s="19" t="s">
        <v>1423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424</v>
      </c>
      <c r="C12" s="19" t="s">
        <v>1422</v>
      </c>
      <c r="D12" s="19" t="s">
        <v>1422</v>
      </c>
      <c r="E12" s="19" t="s">
        <v>1081</v>
      </c>
      <c r="F12" s="19" t="s">
        <v>1283</v>
      </c>
      <c r="G12" s="19" t="s">
        <v>28</v>
      </c>
      <c r="H12" s="19" t="s">
        <v>28</v>
      </c>
      <c r="I12" s="19" t="s">
        <v>28</v>
      </c>
      <c r="J12" s="19" t="s">
        <v>1423</v>
      </c>
      <c r="K12" s="19" t="s">
        <v>1085</v>
      </c>
      <c r="L12" s="19" t="s">
        <v>1086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425</v>
      </c>
      <c r="C13" s="19" t="s">
        <v>1422</v>
      </c>
      <c r="D13" s="19" t="s">
        <v>1422</v>
      </c>
      <c r="E13" s="19" t="s">
        <v>1081</v>
      </c>
      <c r="F13" s="19" t="s">
        <v>1158</v>
      </c>
      <c r="G13" s="19" t="s">
        <v>28</v>
      </c>
      <c r="H13" s="19" t="s">
        <v>28</v>
      </c>
      <c r="I13" s="19" t="s">
        <v>28</v>
      </c>
      <c r="J13" s="19" t="s">
        <v>1423</v>
      </c>
      <c r="K13" s="19" t="s">
        <v>1085</v>
      </c>
      <c r="L13" s="19" t="s">
        <v>1086</v>
      </c>
      <c r="M13" s="19" t="s">
        <v>1087</v>
      </c>
      <c r="N13" s="19" t="s">
        <v>28</v>
      </c>
    </row>
    <row r="14" spans="1:14" s="1" customFormat="1" ht="15" customHeight="1" x14ac:dyDescent="0.15">
      <c r="B14" s="19" t="s">
        <v>1426</v>
      </c>
      <c r="C14" s="19" t="s">
        <v>1422</v>
      </c>
      <c r="D14" s="19" t="s">
        <v>1422</v>
      </c>
      <c r="E14" s="19" t="s">
        <v>1081</v>
      </c>
      <c r="F14" s="19" t="s">
        <v>1427</v>
      </c>
      <c r="G14" s="19" t="s">
        <v>28</v>
      </c>
      <c r="H14" s="19" t="s">
        <v>28</v>
      </c>
      <c r="I14" s="19" t="s">
        <v>28</v>
      </c>
      <c r="J14" s="19" t="s">
        <v>1423</v>
      </c>
      <c r="K14" s="19" t="s">
        <v>1085</v>
      </c>
      <c r="L14" s="19" t="s">
        <v>1086</v>
      </c>
      <c r="M14" s="19" t="s">
        <v>1087</v>
      </c>
      <c r="N14" s="19" t="s">
        <v>28</v>
      </c>
    </row>
    <row r="15" spans="1:14" s="1" customFormat="1" ht="15" customHeight="1" x14ac:dyDescent="0.15">
      <c r="B15" s="19" t="s">
        <v>1428</v>
      </c>
      <c r="C15" s="19" t="s">
        <v>1422</v>
      </c>
      <c r="D15" s="19" t="s">
        <v>1422</v>
      </c>
      <c r="E15" s="19" t="s">
        <v>1081</v>
      </c>
      <c r="F15" s="19" t="s">
        <v>1165</v>
      </c>
      <c r="G15" s="19" t="s">
        <v>28</v>
      </c>
      <c r="H15" s="19" t="s">
        <v>28</v>
      </c>
      <c r="I15" s="19" t="s">
        <v>28</v>
      </c>
      <c r="J15" s="19" t="s">
        <v>1423</v>
      </c>
      <c r="K15" s="19" t="s">
        <v>1085</v>
      </c>
      <c r="L15" s="19" t="s">
        <v>1086</v>
      </c>
      <c r="M15" s="19" t="s">
        <v>1087</v>
      </c>
      <c r="N15" s="19" t="s">
        <v>28</v>
      </c>
    </row>
    <row r="16" spans="1:14" s="1" customFormat="1" ht="15" customHeight="1" x14ac:dyDescent="0.15">
      <c r="B16" s="19" t="s">
        <v>1429</v>
      </c>
      <c r="C16" s="19" t="s">
        <v>1422</v>
      </c>
      <c r="D16" s="19" t="s">
        <v>1422</v>
      </c>
      <c r="E16" s="19" t="s">
        <v>1081</v>
      </c>
      <c r="F16" s="19" t="s">
        <v>1121</v>
      </c>
      <c r="G16" s="19" t="s">
        <v>28</v>
      </c>
      <c r="H16" s="19" t="s">
        <v>28</v>
      </c>
      <c r="I16" s="19" t="s">
        <v>28</v>
      </c>
      <c r="J16" s="19" t="s">
        <v>1423</v>
      </c>
      <c r="K16" s="19" t="s">
        <v>1085</v>
      </c>
      <c r="L16" s="19" t="s">
        <v>1086</v>
      </c>
      <c r="M16" s="19" t="s">
        <v>1087</v>
      </c>
      <c r="N16" s="19" t="s">
        <v>28</v>
      </c>
    </row>
    <row r="17" spans="2:14" s="1" customFormat="1" ht="15" customHeight="1" x14ac:dyDescent="0.15">
      <c r="B17" s="19" t="s">
        <v>1430</v>
      </c>
      <c r="C17" s="19" t="s">
        <v>1422</v>
      </c>
      <c r="D17" s="19" t="s">
        <v>1422</v>
      </c>
      <c r="E17" s="19" t="s">
        <v>1081</v>
      </c>
      <c r="F17" s="19" t="s">
        <v>1158</v>
      </c>
      <c r="G17" s="19" t="s">
        <v>28</v>
      </c>
      <c r="H17" s="19" t="s">
        <v>28</v>
      </c>
      <c r="I17" s="19" t="s">
        <v>28</v>
      </c>
      <c r="J17" s="19" t="s">
        <v>1423</v>
      </c>
      <c r="K17" s="19" t="s">
        <v>1085</v>
      </c>
      <c r="L17" s="19" t="s">
        <v>1086</v>
      </c>
      <c r="M17" s="19" t="s">
        <v>1087</v>
      </c>
      <c r="N17" s="19" t="s">
        <v>28</v>
      </c>
    </row>
    <row r="18" spans="2:14" s="1" customFormat="1" ht="15" customHeight="1" x14ac:dyDescent="0.15">
      <c r="B18" s="19" t="s">
        <v>1431</v>
      </c>
      <c r="C18" s="19" t="s">
        <v>1422</v>
      </c>
      <c r="D18" s="19" t="s">
        <v>1422</v>
      </c>
      <c r="E18" s="19" t="s">
        <v>1081</v>
      </c>
      <c r="F18" s="19" t="s">
        <v>1158</v>
      </c>
      <c r="G18" s="19" t="s">
        <v>28</v>
      </c>
      <c r="H18" s="19" t="s">
        <v>28</v>
      </c>
      <c r="I18" s="19" t="s">
        <v>28</v>
      </c>
      <c r="J18" s="19" t="s">
        <v>1423</v>
      </c>
      <c r="K18" s="19" t="s">
        <v>1085</v>
      </c>
      <c r="L18" s="19" t="s">
        <v>1086</v>
      </c>
      <c r="M18" s="19" t="s">
        <v>1087</v>
      </c>
      <c r="N18" s="19" t="s">
        <v>28</v>
      </c>
    </row>
    <row r="19" spans="2:14" s="1" customFormat="1" ht="15" customHeight="1" x14ac:dyDescent="0.15">
      <c r="B19" s="19" t="s">
        <v>1432</v>
      </c>
      <c r="C19" s="19" t="s">
        <v>1422</v>
      </c>
      <c r="D19" s="19" t="s">
        <v>1422</v>
      </c>
      <c r="E19" s="19" t="s">
        <v>1081</v>
      </c>
      <c r="F19" s="19" t="s">
        <v>1427</v>
      </c>
      <c r="G19" s="19" t="s">
        <v>28</v>
      </c>
      <c r="H19" s="19" t="s">
        <v>28</v>
      </c>
      <c r="I19" s="19" t="s">
        <v>28</v>
      </c>
      <c r="J19" s="19" t="s">
        <v>1423</v>
      </c>
      <c r="K19" s="19" t="s">
        <v>1085</v>
      </c>
      <c r="L19" s="19" t="s">
        <v>1086</v>
      </c>
      <c r="M19" s="19" t="s">
        <v>1087</v>
      </c>
      <c r="N19" s="19" t="s">
        <v>28</v>
      </c>
    </row>
    <row r="20" spans="2:14" s="1" customFormat="1" ht="15" customHeight="1" x14ac:dyDescent="0.15">
      <c r="B20" s="19" t="s">
        <v>1433</v>
      </c>
      <c r="C20" s="19" t="s">
        <v>1422</v>
      </c>
      <c r="D20" s="19" t="s">
        <v>1422</v>
      </c>
      <c r="E20" s="19" t="s">
        <v>1081</v>
      </c>
      <c r="F20" s="19" t="s">
        <v>1434</v>
      </c>
      <c r="G20" s="19" t="s">
        <v>28</v>
      </c>
      <c r="H20" s="19" t="s">
        <v>28</v>
      </c>
      <c r="I20" s="19" t="s">
        <v>28</v>
      </c>
      <c r="J20" s="19" t="s">
        <v>1423</v>
      </c>
      <c r="K20" s="19" t="s">
        <v>1085</v>
      </c>
      <c r="L20" s="19" t="s">
        <v>1086</v>
      </c>
      <c r="M20" s="19" t="s">
        <v>1087</v>
      </c>
      <c r="N20" s="19" t="s">
        <v>28</v>
      </c>
    </row>
    <row r="21" spans="2:14" s="1" customFormat="1" ht="15" customHeight="1" x14ac:dyDescent="0.15">
      <c r="B21" s="19" t="s">
        <v>1435</v>
      </c>
      <c r="C21" s="19" t="s">
        <v>1422</v>
      </c>
      <c r="D21" s="19" t="s">
        <v>1422</v>
      </c>
      <c r="E21" s="19" t="s">
        <v>1081</v>
      </c>
      <c r="F21" s="19" t="s">
        <v>1427</v>
      </c>
      <c r="G21" s="19" t="s">
        <v>28</v>
      </c>
      <c r="H21" s="19" t="s">
        <v>28</v>
      </c>
      <c r="I21" s="19" t="s">
        <v>28</v>
      </c>
      <c r="J21" s="19" t="s">
        <v>1423</v>
      </c>
      <c r="K21" s="19" t="s">
        <v>1085</v>
      </c>
      <c r="L21" s="19" t="s">
        <v>1086</v>
      </c>
      <c r="M21" s="19" t="s">
        <v>1087</v>
      </c>
      <c r="N21" s="19" t="s">
        <v>28</v>
      </c>
    </row>
    <row r="22" spans="2:14" s="1" customFormat="1" ht="15" customHeight="1" x14ac:dyDescent="0.15">
      <c r="B22" s="19" t="s">
        <v>1436</v>
      </c>
      <c r="C22" s="19" t="s">
        <v>1422</v>
      </c>
      <c r="D22" s="19" t="s">
        <v>1422</v>
      </c>
      <c r="E22" s="19" t="s">
        <v>1081</v>
      </c>
      <c r="F22" s="19" t="s">
        <v>1427</v>
      </c>
      <c r="G22" s="19" t="s">
        <v>28</v>
      </c>
      <c r="H22" s="19" t="s">
        <v>28</v>
      </c>
      <c r="I22" s="19" t="s">
        <v>28</v>
      </c>
      <c r="J22" s="19" t="s">
        <v>1423</v>
      </c>
      <c r="K22" s="19" t="s">
        <v>1085</v>
      </c>
      <c r="L22" s="19" t="s">
        <v>1086</v>
      </c>
      <c r="M22" s="19" t="s">
        <v>1087</v>
      </c>
      <c r="N22" s="19" t="s">
        <v>28</v>
      </c>
    </row>
    <row r="23" spans="2:14" s="1" customFormat="1" ht="15" customHeight="1" x14ac:dyDescent="0.15">
      <c r="B23" s="19" t="s">
        <v>1437</v>
      </c>
      <c r="C23" s="19" t="s">
        <v>1422</v>
      </c>
      <c r="D23" s="19" t="s">
        <v>1422</v>
      </c>
      <c r="E23" s="19" t="s">
        <v>1081</v>
      </c>
      <c r="F23" s="19" t="s">
        <v>1438</v>
      </c>
      <c r="G23" s="19" t="s">
        <v>28</v>
      </c>
      <c r="H23" s="19" t="s">
        <v>28</v>
      </c>
      <c r="I23" s="19" t="s">
        <v>28</v>
      </c>
      <c r="J23" s="19" t="s">
        <v>1423</v>
      </c>
      <c r="K23" s="19" t="s">
        <v>1085</v>
      </c>
      <c r="L23" s="19" t="s">
        <v>1086</v>
      </c>
      <c r="M23" s="19" t="s">
        <v>1087</v>
      </c>
      <c r="N23" s="19" t="s">
        <v>28</v>
      </c>
    </row>
    <row r="24" spans="2:14" s="1" customFormat="1" ht="15" customHeight="1" x14ac:dyDescent="0.15">
      <c r="B24" s="19" t="s">
        <v>1439</v>
      </c>
      <c r="C24" s="19" t="s">
        <v>1422</v>
      </c>
      <c r="D24" s="19" t="s">
        <v>1422</v>
      </c>
      <c r="E24" s="19" t="s">
        <v>1081</v>
      </c>
      <c r="F24" s="19" t="s">
        <v>1434</v>
      </c>
      <c r="G24" s="19" t="s">
        <v>28</v>
      </c>
      <c r="H24" s="19" t="s">
        <v>28</v>
      </c>
      <c r="I24" s="19" t="s">
        <v>28</v>
      </c>
      <c r="J24" s="19" t="s">
        <v>1423</v>
      </c>
      <c r="K24" s="19" t="s">
        <v>1085</v>
      </c>
      <c r="L24" s="19" t="s">
        <v>1086</v>
      </c>
      <c r="M24" s="19" t="s">
        <v>1087</v>
      </c>
      <c r="N24" s="19" t="s">
        <v>28</v>
      </c>
    </row>
    <row r="25" spans="2:14" s="1" customFormat="1" ht="15" customHeight="1" x14ac:dyDescent="0.15">
      <c r="B25" s="19" t="s">
        <v>1440</v>
      </c>
      <c r="C25" s="19" t="s">
        <v>1422</v>
      </c>
      <c r="D25" s="19" t="s">
        <v>1422</v>
      </c>
      <c r="E25" s="19" t="s">
        <v>1081</v>
      </c>
      <c r="F25" s="19" t="s">
        <v>1427</v>
      </c>
      <c r="G25" s="19" t="s">
        <v>28</v>
      </c>
      <c r="H25" s="19" t="s">
        <v>28</v>
      </c>
      <c r="I25" s="19" t="s">
        <v>28</v>
      </c>
      <c r="J25" s="19" t="s">
        <v>1423</v>
      </c>
      <c r="K25" s="19" t="s">
        <v>1085</v>
      </c>
      <c r="L25" s="19" t="s">
        <v>1086</v>
      </c>
      <c r="M25" s="19" t="s">
        <v>1087</v>
      </c>
      <c r="N25" s="19" t="s">
        <v>28</v>
      </c>
    </row>
    <row r="26" spans="2:14" s="1" customFormat="1" ht="15" customHeight="1" x14ac:dyDescent="0.15">
      <c r="B26" s="19" t="s">
        <v>1441</v>
      </c>
      <c r="C26" s="19" t="s">
        <v>1422</v>
      </c>
      <c r="D26" s="19" t="s">
        <v>1422</v>
      </c>
      <c r="E26" s="19" t="s">
        <v>1081</v>
      </c>
      <c r="F26" s="19" t="s">
        <v>1427</v>
      </c>
      <c r="G26" s="19" t="s">
        <v>28</v>
      </c>
      <c r="H26" s="19" t="s">
        <v>28</v>
      </c>
      <c r="I26" s="19" t="s">
        <v>28</v>
      </c>
      <c r="J26" s="19" t="s">
        <v>1423</v>
      </c>
      <c r="K26" s="19" t="s">
        <v>1085</v>
      </c>
      <c r="L26" s="19" t="s">
        <v>1086</v>
      </c>
      <c r="M26" s="19" t="s">
        <v>1087</v>
      </c>
      <c r="N26" s="19" t="s">
        <v>28</v>
      </c>
    </row>
    <row r="27" spans="2:14" s="1" customFormat="1" ht="15" customHeight="1" x14ac:dyDescent="0.15">
      <c r="B27" s="19" t="s">
        <v>1442</v>
      </c>
      <c r="C27" s="19" t="s">
        <v>1422</v>
      </c>
      <c r="D27" s="19" t="s">
        <v>1422</v>
      </c>
      <c r="E27" s="19" t="s">
        <v>1081</v>
      </c>
      <c r="F27" s="19" t="s">
        <v>1393</v>
      </c>
      <c r="G27" s="19" t="s">
        <v>28</v>
      </c>
      <c r="H27" s="19" t="s">
        <v>28</v>
      </c>
      <c r="I27" s="19" t="s">
        <v>28</v>
      </c>
      <c r="J27" s="19" t="s">
        <v>1423</v>
      </c>
      <c r="K27" s="19" t="s">
        <v>1085</v>
      </c>
      <c r="L27" s="19" t="s">
        <v>1086</v>
      </c>
      <c r="M27" s="19" t="s">
        <v>1087</v>
      </c>
      <c r="N27" s="19" t="s">
        <v>28</v>
      </c>
    </row>
    <row r="28" spans="2:14" s="1" customFormat="1" ht="15" customHeight="1" x14ac:dyDescent="0.15">
      <c r="B28" s="19" t="s">
        <v>1443</v>
      </c>
      <c r="C28" s="19" t="s">
        <v>1422</v>
      </c>
      <c r="D28" s="19" t="s">
        <v>1422</v>
      </c>
      <c r="E28" s="19" t="s">
        <v>1081</v>
      </c>
      <c r="F28" s="19" t="s">
        <v>1154</v>
      </c>
      <c r="G28" s="19" t="s">
        <v>28</v>
      </c>
      <c r="H28" s="19" t="s">
        <v>28</v>
      </c>
      <c r="I28" s="19" t="s">
        <v>28</v>
      </c>
      <c r="J28" s="19" t="s">
        <v>1423</v>
      </c>
      <c r="K28" s="19" t="s">
        <v>1085</v>
      </c>
      <c r="L28" s="19" t="s">
        <v>1086</v>
      </c>
      <c r="M28" s="19" t="s">
        <v>1087</v>
      </c>
      <c r="N28" s="19" t="s">
        <v>28</v>
      </c>
    </row>
    <row r="29" spans="2:14" s="1" customFormat="1" ht="15" customHeight="1" x14ac:dyDescent="0.15">
      <c r="B29" s="19" t="s">
        <v>1444</v>
      </c>
      <c r="C29" s="19" t="s">
        <v>1422</v>
      </c>
      <c r="D29" s="19" t="s">
        <v>1422</v>
      </c>
      <c r="E29" s="19" t="s">
        <v>1081</v>
      </c>
      <c r="F29" s="19" t="s">
        <v>1154</v>
      </c>
      <c r="G29" s="19" t="s">
        <v>28</v>
      </c>
      <c r="H29" s="19" t="s">
        <v>28</v>
      </c>
      <c r="I29" s="19" t="s">
        <v>28</v>
      </c>
      <c r="J29" s="19" t="s">
        <v>1423</v>
      </c>
      <c r="K29" s="19" t="s">
        <v>1085</v>
      </c>
      <c r="L29" s="19" t="s">
        <v>1086</v>
      </c>
      <c r="M29" s="19" t="s">
        <v>1087</v>
      </c>
      <c r="N29" s="19" t="s">
        <v>28</v>
      </c>
    </row>
    <row r="30" spans="2:14" s="1" customFormat="1" ht="15" customHeight="1" x14ac:dyDescent="0.15">
      <c r="B30" s="19" t="s">
        <v>1445</v>
      </c>
      <c r="C30" s="19" t="s">
        <v>1422</v>
      </c>
      <c r="D30" s="19" t="s">
        <v>1422</v>
      </c>
      <c r="E30" s="19" t="s">
        <v>1081</v>
      </c>
      <c r="F30" s="19" t="s">
        <v>1118</v>
      </c>
      <c r="G30" s="19" t="s">
        <v>28</v>
      </c>
      <c r="H30" s="19" t="s">
        <v>28</v>
      </c>
      <c r="I30" s="19" t="s">
        <v>28</v>
      </c>
      <c r="J30" s="19" t="s">
        <v>1423</v>
      </c>
      <c r="K30" s="19" t="s">
        <v>1085</v>
      </c>
      <c r="L30" s="19" t="s">
        <v>1086</v>
      </c>
      <c r="M30" s="19" t="s">
        <v>1087</v>
      </c>
      <c r="N30" s="19" t="s">
        <v>28</v>
      </c>
    </row>
    <row r="31" spans="2:14" s="1" customFormat="1" ht="15" customHeight="1" x14ac:dyDescent="0.15">
      <c r="B31" s="19" t="s">
        <v>1446</v>
      </c>
      <c r="C31" s="19" t="s">
        <v>1422</v>
      </c>
      <c r="D31" s="19" t="s">
        <v>1422</v>
      </c>
      <c r="E31" s="19" t="s">
        <v>1081</v>
      </c>
      <c r="F31" s="19" t="s">
        <v>1154</v>
      </c>
      <c r="G31" s="19" t="s">
        <v>28</v>
      </c>
      <c r="H31" s="19" t="s">
        <v>28</v>
      </c>
      <c r="I31" s="19" t="s">
        <v>28</v>
      </c>
      <c r="J31" s="19" t="s">
        <v>1423</v>
      </c>
      <c r="K31" s="19" t="s">
        <v>1085</v>
      </c>
      <c r="L31" s="19" t="s">
        <v>1086</v>
      </c>
      <c r="M31" s="19" t="s">
        <v>1087</v>
      </c>
      <c r="N31" s="19" t="s">
        <v>28</v>
      </c>
    </row>
    <row r="32" spans="2:14" s="1" customFormat="1" ht="15" customHeight="1" x14ac:dyDescent="0.15">
      <c r="B32" s="19" t="s">
        <v>1447</v>
      </c>
      <c r="C32" s="19" t="s">
        <v>1422</v>
      </c>
      <c r="D32" s="19" t="s">
        <v>1422</v>
      </c>
      <c r="E32" s="19" t="s">
        <v>1081</v>
      </c>
      <c r="F32" s="19" t="s">
        <v>1204</v>
      </c>
      <c r="G32" s="19" t="s">
        <v>28</v>
      </c>
      <c r="H32" s="19" t="s">
        <v>28</v>
      </c>
      <c r="I32" s="19" t="s">
        <v>28</v>
      </c>
      <c r="J32" s="19" t="s">
        <v>1423</v>
      </c>
      <c r="K32" s="19" t="s">
        <v>1085</v>
      </c>
      <c r="L32" s="19" t="s">
        <v>1086</v>
      </c>
      <c r="M32" s="19" t="s">
        <v>1087</v>
      </c>
      <c r="N32" s="19" t="s">
        <v>28</v>
      </c>
    </row>
    <row r="33" spans="1:14" s="1" customFormat="1" ht="15" customHeight="1" x14ac:dyDescent="0.15">
      <c r="B33" s="19" t="s">
        <v>1448</v>
      </c>
      <c r="C33" s="19" t="s">
        <v>1422</v>
      </c>
      <c r="D33" s="19" t="s">
        <v>1422</v>
      </c>
      <c r="E33" s="19" t="s">
        <v>1081</v>
      </c>
      <c r="F33" s="19" t="s">
        <v>1427</v>
      </c>
      <c r="G33" s="19" t="s">
        <v>28</v>
      </c>
      <c r="H33" s="19" t="s">
        <v>28</v>
      </c>
      <c r="I33" s="19" t="s">
        <v>28</v>
      </c>
      <c r="J33" s="19" t="s">
        <v>28</v>
      </c>
      <c r="K33" s="19" t="s">
        <v>1085</v>
      </c>
      <c r="L33" s="19" t="s">
        <v>1086</v>
      </c>
      <c r="M33" s="19" t="s">
        <v>1087</v>
      </c>
      <c r="N33" s="19" t="s">
        <v>28</v>
      </c>
    </row>
    <row r="35" spans="1:14" s="1" customFormat="1" ht="15" customHeight="1" x14ac:dyDescent="0.15">
      <c r="A35" s="16" t="s">
        <v>1178</v>
      </c>
      <c r="B35" s="17" t="s">
        <v>1066</v>
      </c>
      <c r="C35" s="17" t="s">
        <v>1067</v>
      </c>
      <c r="D35" s="17" t="s">
        <v>1068</v>
      </c>
      <c r="E35" s="17" t="s">
        <v>1069</v>
      </c>
      <c r="F35" s="17" t="s">
        <v>1070</v>
      </c>
      <c r="G35" s="17" t="s">
        <v>1071</v>
      </c>
      <c r="H35" s="17" t="s">
        <v>1072</v>
      </c>
      <c r="I35" s="17" t="s">
        <v>1179</v>
      </c>
      <c r="J35" s="18" t="s">
        <v>1078</v>
      </c>
    </row>
    <row r="36" spans="1:14" s="1" customFormat="1" ht="15" customHeight="1" x14ac:dyDescent="0.15">
      <c r="B36" s="19" t="s">
        <v>1449</v>
      </c>
      <c r="C36" s="19" t="s">
        <v>1180</v>
      </c>
      <c r="D36" s="19" t="s">
        <v>1180</v>
      </c>
      <c r="E36" s="19" t="s">
        <v>1081</v>
      </c>
      <c r="F36" s="19" t="s">
        <v>1450</v>
      </c>
      <c r="G36" s="19" t="s">
        <v>28</v>
      </c>
      <c r="H36" s="19" t="s">
        <v>28</v>
      </c>
      <c r="I36" s="19" t="s">
        <v>28</v>
      </c>
      <c r="J36" s="19" t="s">
        <v>1451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58F131-1811-4E26-B3FF-73DF173E3A7E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3" sqref="E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6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6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7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7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7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0026A33-C6C4-4483-BDA4-CA695E5AC8EE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F30" sqref="F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AF5F9F-8555-43B4-B19E-9CEDEE78EA29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F25" sqref="F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7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7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8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5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8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363</v>
      </c>
      <c r="C14" s="19" t="s">
        <v>1180</v>
      </c>
      <c r="D14" s="19" t="s">
        <v>1180</v>
      </c>
      <c r="E14" s="19" t="s">
        <v>1081</v>
      </c>
      <c r="F14" s="19" t="s">
        <v>1452</v>
      </c>
      <c r="G14" s="19" t="s">
        <v>28</v>
      </c>
      <c r="H14" s="19" t="s">
        <v>28</v>
      </c>
      <c r="I14" s="19" t="s">
        <v>28</v>
      </c>
      <c r="J14" s="19" t="s">
        <v>28</v>
      </c>
    </row>
    <row r="15" spans="1:14" s="1" customFormat="1" ht="15" customHeight="1" x14ac:dyDescent="0.15">
      <c r="B15" s="19" t="s">
        <v>1453</v>
      </c>
      <c r="C15" s="19" t="s">
        <v>1180</v>
      </c>
      <c r="D15" s="19" t="s">
        <v>1180</v>
      </c>
      <c r="E15" s="19" t="s">
        <v>1081</v>
      </c>
      <c r="F15" s="19" t="s">
        <v>1454</v>
      </c>
      <c r="G15" s="19" t="s">
        <v>28</v>
      </c>
      <c r="H15" s="19" t="s">
        <v>28</v>
      </c>
      <c r="I15" s="19" t="s">
        <v>28</v>
      </c>
      <c r="J15" s="19" t="s">
        <v>28</v>
      </c>
    </row>
    <row r="16" spans="1:14" s="1" customFormat="1" ht="15" customHeight="1" x14ac:dyDescent="0.15">
      <c r="B16" s="19" t="s">
        <v>1455</v>
      </c>
      <c r="C16" s="19" t="s">
        <v>1130</v>
      </c>
      <c r="D16" s="19" t="s">
        <v>1130</v>
      </c>
      <c r="E16" s="19" t="s">
        <v>1081</v>
      </c>
      <c r="F16" s="19" t="s">
        <v>1219</v>
      </c>
      <c r="G16" s="19" t="s">
        <v>28</v>
      </c>
      <c r="H16" s="19" t="s">
        <v>28</v>
      </c>
      <c r="I16" s="19" t="s">
        <v>28</v>
      </c>
      <c r="J16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FF08049-0AA4-4785-A25F-7C45711B1551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3" sqref="D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8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8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9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8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9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28</v>
      </c>
      <c r="C11" s="19" t="s">
        <v>1180</v>
      </c>
      <c r="D11" s="19" t="s">
        <v>1180</v>
      </c>
      <c r="E11" s="19" t="s">
        <v>1081</v>
      </c>
      <c r="F11" s="19" t="s">
        <v>1456</v>
      </c>
      <c r="G11" s="19" t="s">
        <v>28</v>
      </c>
      <c r="H11" s="19" t="s">
        <v>28</v>
      </c>
      <c r="I11" s="19" t="s">
        <v>1122</v>
      </c>
      <c r="J11" s="19" t="s">
        <v>28</v>
      </c>
      <c r="K11" s="19" t="s">
        <v>1085</v>
      </c>
      <c r="L11" s="19" t="s">
        <v>1086</v>
      </c>
      <c r="M11" s="19" t="s">
        <v>1223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AD7BB0-DD98-409A-9BBF-D4572467C2CD}">
  <sheetPr>
    <pageSetUpPr fitToPage="1"/>
  </sheetPr>
  <dimension ref="A2:N1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H33" sqref="H3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39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39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9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9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0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457</v>
      </c>
      <c r="C11" s="19" t="s">
        <v>1180</v>
      </c>
      <c r="D11" s="19" t="s">
        <v>1180</v>
      </c>
      <c r="E11" s="19" t="s">
        <v>1081</v>
      </c>
      <c r="F11" s="19" t="s">
        <v>1458</v>
      </c>
      <c r="G11" s="19" t="s">
        <v>28</v>
      </c>
      <c r="H11" s="19" t="s">
        <v>28</v>
      </c>
      <c r="I11" s="19" t="s">
        <v>1216</v>
      </c>
      <c r="J11" s="19" t="s">
        <v>28</v>
      </c>
      <c r="K11" s="19" t="s">
        <v>1085</v>
      </c>
      <c r="L11" s="19" t="s">
        <v>1201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459</v>
      </c>
      <c r="C12" s="19" t="s">
        <v>1180</v>
      </c>
      <c r="D12" s="19" t="s">
        <v>1180</v>
      </c>
      <c r="E12" s="19" t="s">
        <v>1081</v>
      </c>
      <c r="F12" s="19" t="s">
        <v>1458</v>
      </c>
      <c r="G12" s="19" t="s">
        <v>28</v>
      </c>
      <c r="H12" s="19" t="s">
        <v>28</v>
      </c>
      <c r="I12" s="19" t="s">
        <v>1216</v>
      </c>
      <c r="J12" s="19" t="s">
        <v>1237</v>
      </c>
      <c r="K12" s="19" t="s">
        <v>1085</v>
      </c>
      <c r="L12" s="19" t="s">
        <v>1201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460</v>
      </c>
      <c r="C13" s="19" t="s">
        <v>1180</v>
      </c>
      <c r="D13" s="19" t="s">
        <v>1180</v>
      </c>
      <c r="E13" s="19" t="s">
        <v>1081</v>
      </c>
      <c r="F13" s="19" t="s">
        <v>1458</v>
      </c>
      <c r="G13" s="19" t="s">
        <v>28</v>
      </c>
      <c r="H13" s="19" t="s">
        <v>28</v>
      </c>
      <c r="I13" s="19" t="s">
        <v>1216</v>
      </c>
      <c r="J13" s="19" t="s">
        <v>28</v>
      </c>
      <c r="K13" s="19" t="s">
        <v>1085</v>
      </c>
      <c r="L13" s="19" t="s">
        <v>1201</v>
      </c>
      <c r="M13" s="19" t="s">
        <v>1087</v>
      </c>
      <c r="N13" s="19" t="s">
        <v>28</v>
      </c>
    </row>
    <row r="14" spans="1:14" s="1" customFormat="1" ht="15" customHeight="1" x14ac:dyDescent="0.15">
      <c r="B14" s="19" t="s">
        <v>1461</v>
      </c>
      <c r="C14" s="19" t="s">
        <v>1180</v>
      </c>
      <c r="D14" s="19" t="s">
        <v>1180</v>
      </c>
      <c r="E14" s="19" t="s">
        <v>1081</v>
      </c>
      <c r="F14" s="19" t="s">
        <v>1462</v>
      </c>
      <c r="G14" s="19" t="s">
        <v>28</v>
      </c>
      <c r="H14" s="19" t="s">
        <v>28</v>
      </c>
      <c r="I14" s="19" t="s">
        <v>1227</v>
      </c>
      <c r="J14" s="19" t="s">
        <v>28</v>
      </c>
      <c r="K14" s="19" t="s">
        <v>1085</v>
      </c>
      <c r="L14" s="19" t="s">
        <v>1201</v>
      </c>
      <c r="M14" s="19" t="s">
        <v>1087</v>
      </c>
      <c r="N14" s="19" t="s">
        <v>28</v>
      </c>
    </row>
    <row r="16" spans="1:14" s="1" customFormat="1" ht="15" customHeight="1" x14ac:dyDescent="0.15">
      <c r="A16" s="16" t="s">
        <v>1178</v>
      </c>
      <c r="B16" s="17" t="s">
        <v>1066</v>
      </c>
      <c r="C16" s="17" t="s">
        <v>1067</v>
      </c>
      <c r="D16" s="17" t="s">
        <v>1068</v>
      </c>
      <c r="E16" s="17" t="s">
        <v>1069</v>
      </c>
      <c r="F16" s="17" t="s">
        <v>1070</v>
      </c>
      <c r="G16" s="17" t="s">
        <v>1071</v>
      </c>
      <c r="H16" s="17" t="s">
        <v>1072</v>
      </c>
      <c r="I16" s="17" t="s">
        <v>1179</v>
      </c>
      <c r="J16" s="18" t="s">
        <v>1078</v>
      </c>
    </row>
    <row r="17" spans="2:10" s="1" customFormat="1" ht="15" customHeight="1" x14ac:dyDescent="0.15">
      <c r="B17" s="19"/>
      <c r="C17" s="19"/>
      <c r="D17" s="19"/>
      <c r="E17" s="19"/>
      <c r="F17" s="19"/>
      <c r="G17" s="19"/>
      <c r="H17" s="19"/>
      <c r="I17" s="19"/>
      <c r="J17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7BE79B-57A6-49EF-B323-0DE46982ECB9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1" sqref="C2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0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0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36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6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7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463</v>
      </c>
      <c r="C14" s="19" t="s">
        <v>1180</v>
      </c>
      <c r="D14" s="19" t="s">
        <v>1180</v>
      </c>
      <c r="E14" s="19" t="s">
        <v>1081</v>
      </c>
      <c r="F14" s="19" t="s">
        <v>1464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C9667A-ABD8-4A68-8791-1ABC5278D1D1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6" sqref="C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0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0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0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0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0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99E0F1-DA67-46B3-9EAC-A8711F03C85F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4" sqref="C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1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1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1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1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1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7</v>
      </c>
      <c r="C11" s="19" t="s">
        <v>1180</v>
      </c>
      <c r="D11" s="19" t="s">
        <v>1180</v>
      </c>
      <c r="E11" s="19" t="s">
        <v>1081</v>
      </c>
      <c r="F11" s="19" t="s">
        <v>1465</v>
      </c>
      <c r="G11" s="19" t="s">
        <v>28</v>
      </c>
      <c r="H11" s="19" t="s">
        <v>28</v>
      </c>
      <c r="I11" s="19" t="s">
        <v>1113</v>
      </c>
      <c r="J11" s="19" t="s">
        <v>1087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EA69B2-C974-482C-BBAC-4A0A49791CBF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5" sqref="B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1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1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2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2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2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7</v>
      </c>
      <c r="C11" s="19" t="s">
        <v>1080</v>
      </c>
      <c r="D11" s="19" t="s">
        <v>1080</v>
      </c>
      <c r="E11" s="19" t="s">
        <v>1081</v>
      </c>
      <c r="F11" s="19" t="s">
        <v>1116</v>
      </c>
      <c r="G11" s="19" t="s">
        <v>28</v>
      </c>
      <c r="H11" s="19" t="s">
        <v>28</v>
      </c>
      <c r="I11" s="19" t="s">
        <v>1113</v>
      </c>
      <c r="J11" s="19" t="s">
        <v>1087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466</v>
      </c>
      <c r="C12" s="19" t="s">
        <v>1080</v>
      </c>
      <c r="D12" s="19" t="s">
        <v>1080</v>
      </c>
      <c r="E12" s="19" t="s">
        <v>1081</v>
      </c>
      <c r="F12" s="19" t="s">
        <v>1116</v>
      </c>
      <c r="G12" s="19" t="s">
        <v>28</v>
      </c>
      <c r="H12" s="19" t="s">
        <v>28</v>
      </c>
      <c r="I12" s="19" t="s">
        <v>1113</v>
      </c>
      <c r="J12" s="19" t="s">
        <v>1087</v>
      </c>
      <c r="K12" s="19" t="s">
        <v>1085</v>
      </c>
      <c r="L12" s="19" t="s">
        <v>1086</v>
      </c>
      <c r="M12" s="19" t="s">
        <v>1087</v>
      </c>
      <c r="N12" s="19" t="s">
        <v>28</v>
      </c>
    </row>
    <row r="14" spans="1:14" s="1" customFormat="1" ht="15" customHeight="1" x14ac:dyDescent="0.15">
      <c r="A14" s="16" t="s">
        <v>1178</v>
      </c>
      <c r="B14" s="17" t="s">
        <v>1066</v>
      </c>
      <c r="C14" s="17" t="s">
        <v>1067</v>
      </c>
      <c r="D14" s="17" t="s">
        <v>1068</v>
      </c>
      <c r="E14" s="17" t="s">
        <v>1069</v>
      </c>
      <c r="F14" s="17" t="s">
        <v>1070</v>
      </c>
      <c r="G14" s="17" t="s">
        <v>1071</v>
      </c>
      <c r="H14" s="17" t="s">
        <v>1072</v>
      </c>
      <c r="I14" s="17" t="s">
        <v>1179</v>
      </c>
      <c r="J14" s="18" t="s">
        <v>1078</v>
      </c>
    </row>
    <row r="15" spans="1:14" s="1" customFormat="1" ht="15" customHeight="1" x14ac:dyDescent="0.15">
      <c r="B15" s="19" t="s">
        <v>1467</v>
      </c>
      <c r="C15" s="19" t="s">
        <v>1180</v>
      </c>
      <c r="D15" s="19" t="s">
        <v>1180</v>
      </c>
      <c r="E15" s="19" t="s">
        <v>1081</v>
      </c>
      <c r="F15" s="19" t="s">
        <v>1468</v>
      </c>
      <c r="G15" s="19" t="s">
        <v>28</v>
      </c>
      <c r="H15" s="19" t="s">
        <v>28</v>
      </c>
      <c r="I15" s="19" t="s">
        <v>28</v>
      </c>
      <c r="J15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8A8E13-4FC9-4675-9C38-3B5BEE3E320E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4" sqref="C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2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2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2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2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2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7</v>
      </c>
      <c r="C11" s="19" t="s">
        <v>1180</v>
      </c>
      <c r="D11" s="19" t="s">
        <v>1180</v>
      </c>
      <c r="E11" s="19" t="s">
        <v>1081</v>
      </c>
      <c r="F11" s="19" t="s">
        <v>28</v>
      </c>
      <c r="G11" s="19" t="s">
        <v>28</v>
      </c>
      <c r="H11" s="19" t="s">
        <v>28</v>
      </c>
      <c r="I11" s="19" t="s">
        <v>1241</v>
      </c>
      <c r="J11" s="19" t="s">
        <v>28</v>
      </c>
      <c r="K11" s="19" t="s">
        <v>1087</v>
      </c>
      <c r="L11" s="19" t="s">
        <v>1086</v>
      </c>
      <c r="M11" s="19" t="s">
        <v>1087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0720E0-EC0A-4EC1-BC37-3FA8467907BB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9" sqref="E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3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3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3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3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40</v>
      </c>
      <c r="C7" s="9"/>
      <c r="D7" s="9"/>
      <c r="E7" s="9"/>
      <c r="F7" s="9"/>
      <c r="G7" s="10"/>
      <c r="H7" s="11"/>
      <c r="I7" s="12"/>
    </row>
    <row r="8" spans="1:14" s="1" customFormat="1" ht="12.75" customHeight="1" x14ac:dyDescent="0.15">
      <c r="A8" s="7" t="s">
        <v>1041</v>
      </c>
      <c r="B8" s="8"/>
      <c r="C8" s="9"/>
      <c r="D8" s="9"/>
      <c r="E8" s="9"/>
      <c r="F8" s="9"/>
      <c r="G8" s="10"/>
      <c r="H8" s="11"/>
      <c r="I8" s="12"/>
    </row>
    <row r="9" spans="1:14" ht="12.75" customHeight="1" x14ac:dyDescent="0.15"/>
    <row r="11" spans="1:14" s="1" customFormat="1" ht="13.5" customHeight="1" x14ac:dyDescent="0.15">
      <c r="A11" s="16" t="s">
        <v>1065</v>
      </c>
      <c r="B11" s="17" t="s">
        <v>1066</v>
      </c>
      <c r="C11" s="17" t="s">
        <v>1067</v>
      </c>
      <c r="D11" s="17" t="s">
        <v>1068</v>
      </c>
      <c r="E11" s="17" t="s">
        <v>1069</v>
      </c>
      <c r="F11" s="17" t="s">
        <v>1070</v>
      </c>
      <c r="G11" s="17" t="s">
        <v>1071</v>
      </c>
      <c r="H11" s="17" t="s">
        <v>1072</v>
      </c>
      <c r="I11" s="17" t="s">
        <v>1073</v>
      </c>
      <c r="J11" s="17" t="s">
        <v>1074</v>
      </c>
      <c r="K11" s="17" t="s">
        <v>1075</v>
      </c>
      <c r="L11" s="17" t="s">
        <v>1076</v>
      </c>
      <c r="M11" s="17" t="s">
        <v>1077</v>
      </c>
      <c r="N11" s="18" t="s">
        <v>1078</v>
      </c>
    </row>
    <row r="12" spans="1:14" s="1" customFormat="1" ht="15" customHeight="1" x14ac:dyDescent="0.15">
      <c r="B12" s="19" t="s">
        <v>1189</v>
      </c>
      <c r="C12" s="19" t="s">
        <v>1080</v>
      </c>
      <c r="D12" s="19" t="s">
        <v>1080</v>
      </c>
      <c r="E12" s="19" t="s">
        <v>1081</v>
      </c>
      <c r="F12" s="19" t="s">
        <v>1469</v>
      </c>
      <c r="G12" s="19" t="s">
        <v>28</v>
      </c>
      <c r="H12" s="19" t="s">
        <v>28</v>
      </c>
      <c r="I12" s="19" t="s">
        <v>1113</v>
      </c>
      <c r="J12" s="19" t="s">
        <v>1087</v>
      </c>
      <c r="K12" s="19" t="s">
        <v>1085</v>
      </c>
      <c r="L12" s="19" t="s">
        <v>1086</v>
      </c>
      <c r="M12" s="19" t="s">
        <v>1087</v>
      </c>
      <c r="N12" s="19" t="s">
        <v>28</v>
      </c>
    </row>
    <row r="14" spans="1:14" s="1" customFormat="1" ht="15" customHeight="1" x14ac:dyDescent="0.15">
      <c r="A14" s="16" t="s">
        <v>1178</v>
      </c>
      <c r="B14" s="17" t="s">
        <v>1066</v>
      </c>
      <c r="C14" s="17" t="s">
        <v>1067</v>
      </c>
      <c r="D14" s="17" t="s">
        <v>1068</v>
      </c>
      <c r="E14" s="17" t="s">
        <v>1069</v>
      </c>
      <c r="F14" s="17" t="s">
        <v>1070</v>
      </c>
      <c r="G14" s="17" t="s">
        <v>1071</v>
      </c>
      <c r="H14" s="17" t="s">
        <v>1072</v>
      </c>
      <c r="I14" s="17" t="s">
        <v>1179</v>
      </c>
      <c r="J14" s="18" t="s">
        <v>1078</v>
      </c>
    </row>
    <row r="15" spans="1:14" s="1" customFormat="1" ht="15" customHeight="1" x14ac:dyDescent="0.15">
      <c r="B15" s="19"/>
      <c r="C15" s="19"/>
      <c r="D15" s="19"/>
      <c r="E15" s="19"/>
      <c r="F15" s="19"/>
      <c r="G15" s="19"/>
      <c r="H15" s="19"/>
      <c r="I15" s="19"/>
      <c r="J15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2108BC-4ED1-4B4C-BDE0-15A6E521ECE5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0" sqref="D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4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4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4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1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4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9</v>
      </c>
      <c r="C11" s="19" t="s">
        <v>1180</v>
      </c>
      <c r="D11" s="19" t="s">
        <v>1180</v>
      </c>
      <c r="E11" s="19" t="s">
        <v>1081</v>
      </c>
      <c r="F11" s="19" t="s">
        <v>1470</v>
      </c>
      <c r="G11" s="19" t="s">
        <v>28</v>
      </c>
      <c r="H11" s="19" t="s">
        <v>28</v>
      </c>
      <c r="I11" s="19" t="s">
        <v>1113</v>
      </c>
      <c r="J11" s="19" t="s">
        <v>1087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98A326-BB22-4826-9A0A-8AB1AC648145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7" sqref="D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28</v>
      </c>
      <c r="C14" s="19" t="s">
        <v>1180</v>
      </c>
      <c r="D14" s="19" t="s">
        <v>1180</v>
      </c>
      <c r="E14" s="19" t="s">
        <v>1081</v>
      </c>
      <c r="F14" s="19" t="s">
        <v>1181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99786A-BB67-4B35-A4BE-EFF10579E31D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19" sqref="B1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5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5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5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5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9</v>
      </c>
      <c r="C11" s="19" t="s">
        <v>1180</v>
      </c>
      <c r="D11" s="19" t="s">
        <v>1180</v>
      </c>
      <c r="E11" s="19" t="s">
        <v>1081</v>
      </c>
      <c r="F11" s="19" t="s">
        <v>1452</v>
      </c>
      <c r="G11" s="19" t="s">
        <v>28</v>
      </c>
      <c r="H11" s="19" t="s">
        <v>28</v>
      </c>
      <c r="I11" s="19" t="s">
        <v>1113</v>
      </c>
      <c r="J11" s="19" t="s">
        <v>1471</v>
      </c>
      <c r="K11" s="19" t="s">
        <v>1085</v>
      </c>
      <c r="L11" s="19" t="s">
        <v>1201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191</v>
      </c>
      <c r="C12" s="19" t="s">
        <v>1180</v>
      </c>
      <c r="D12" s="19" t="s">
        <v>1180</v>
      </c>
      <c r="E12" s="19" t="s">
        <v>1081</v>
      </c>
      <c r="F12" s="19" t="s">
        <v>1472</v>
      </c>
      <c r="G12" s="19" t="s">
        <v>28</v>
      </c>
      <c r="H12" s="19" t="s">
        <v>28</v>
      </c>
      <c r="I12" s="19" t="s">
        <v>1241</v>
      </c>
      <c r="J12" s="19" t="s">
        <v>1471</v>
      </c>
      <c r="K12" s="19" t="s">
        <v>1085</v>
      </c>
      <c r="L12" s="19" t="s">
        <v>1201</v>
      </c>
      <c r="M12" s="19" t="s">
        <v>1087</v>
      </c>
      <c r="N12" s="19" t="s">
        <v>28</v>
      </c>
    </row>
    <row r="14" spans="1:14" s="1" customFormat="1" ht="15" customHeight="1" x14ac:dyDescent="0.15">
      <c r="A14" s="16" t="s">
        <v>1178</v>
      </c>
      <c r="B14" s="17" t="s">
        <v>1066</v>
      </c>
      <c r="C14" s="17" t="s">
        <v>1067</v>
      </c>
      <c r="D14" s="17" t="s">
        <v>1068</v>
      </c>
      <c r="E14" s="17" t="s">
        <v>1069</v>
      </c>
      <c r="F14" s="17" t="s">
        <v>1070</v>
      </c>
      <c r="G14" s="17" t="s">
        <v>1071</v>
      </c>
      <c r="H14" s="17" t="s">
        <v>1072</v>
      </c>
      <c r="I14" s="17" t="s">
        <v>1179</v>
      </c>
      <c r="J14" s="18" t="s">
        <v>1078</v>
      </c>
    </row>
    <row r="15" spans="1:14" s="1" customFormat="1" ht="15" customHeight="1" x14ac:dyDescent="0.15">
      <c r="B15" s="19"/>
      <c r="C15" s="19"/>
      <c r="D15" s="19"/>
      <c r="E15" s="19"/>
      <c r="F15" s="19"/>
      <c r="G15" s="19"/>
      <c r="H15" s="19"/>
      <c r="I15" s="19"/>
      <c r="J15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96F7BCD-30B4-462F-BF50-901C100B4104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3" sqref="D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5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5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3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5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5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1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5B8477-2631-43F9-B01C-30D236F358DE}">
  <sheetPr>
    <pageSetUpPr fitToPage="1"/>
  </sheetPr>
  <dimension ref="A2:N1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3" sqref="B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6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6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6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6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473</v>
      </c>
      <c r="C14" s="19" t="s">
        <v>1474</v>
      </c>
      <c r="D14" s="19" t="s">
        <v>1474</v>
      </c>
      <c r="E14" s="19" t="s">
        <v>1475</v>
      </c>
      <c r="F14" s="19" t="s">
        <v>1476</v>
      </c>
      <c r="G14" s="19" t="s">
        <v>28</v>
      </c>
      <c r="H14" s="19" t="s">
        <v>28</v>
      </c>
      <c r="I14" s="19" t="s">
        <v>28</v>
      </c>
      <c r="J14" s="19" t="s">
        <v>1477</v>
      </c>
    </row>
    <row r="15" spans="1:14" s="1" customFormat="1" ht="15" customHeight="1" x14ac:dyDescent="0.15">
      <c r="B15" s="19" t="s">
        <v>1478</v>
      </c>
      <c r="C15" s="19" t="s">
        <v>1474</v>
      </c>
      <c r="D15" s="19" t="s">
        <v>1474</v>
      </c>
      <c r="E15" s="19" t="s">
        <v>1479</v>
      </c>
      <c r="F15" s="19" t="s">
        <v>1480</v>
      </c>
      <c r="G15" s="19" t="s">
        <v>28</v>
      </c>
      <c r="H15" s="19" t="s">
        <v>28</v>
      </c>
      <c r="I15" s="19" t="s">
        <v>28</v>
      </c>
      <c r="J15" s="19" t="s">
        <v>1477</v>
      </c>
    </row>
    <row r="16" spans="1:14" s="1" customFormat="1" ht="15" customHeight="1" x14ac:dyDescent="0.15">
      <c r="B16" s="19" t="s">
        <v>1481</v>
      </c>
      <c r="C16" s="19" t="s">
        <v>1474</v>
      </c>
      <c r="D16" s="19" t="s">
        <v>1474</v>
      </c>
      <c r="E16" s="19" t="s">
        <v>1482</v>
      </c>
      <c r="F16" s="19" t="s">
        <v>1483</v>
      </c>
      <c r="G16" s="19" t="s">
        <v>28</v>
      </c>
      <c r="H16" s="19" t="s">
        <v>28</v>
      </c>
      <c r="I16" s="19" t="s">
        <v>28</v>
      </c>
      <c r="J16" s="19" t="s">
        <v>1477</v>
      </c>
    </row>
    <row r="17" spans="2:10" s="1" customFormat="1" ht="15" customHeight="1" x14ac:dyDescent="0.15">
      <c r="B17" s="19" t="s">
        <v>1484</v>
      </c>
      <c r="C17" s="19" t="s">
        <v>1474</v>
      </c>
      <c r="D17" s="19" t="s">
        <v>1474</v>
      </c>
      <c r="E17" s="19" t="s">
        <v>1482</v>
      </c>
      <c r="F17" s="19" t="s">
        <v>1483</v>
      </c>
      <c r="G17" s="19" t="s">
        <v>28</v>
      </c>
      <c r="H17" s="19" t="s">
        <v>28</v>
      </c>
      <c r="I17" s="19" t="s">
        <v>28</v>
      </c>
      <c r="J17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7C6137-6199-4FBD-8CFA-4424B82E0E3C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5" sqref="D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7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7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7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7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7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485</v>
      </c>
      <c r="C14" s="19" t="s">
        <v>1180</v>
      </c>
      <c r="D14" s="19" t="s">
        <v>1180</v>
      </c>
      <c r="E14" s="19" t="s">
        <v>1081</v>
      </c>
      <c r="F14" s="19" t="s">
        <v>1486</v>
      </c>
      <c r="G14" s="19" t="s">
        <v>1487</v>
      </c>
      <c r="H14" s="19" t="s">
        <v>28</v>
      </c>
      <c r="I14" s="19" t="s">
        <v>1488</v>
      </c>
      <c r="J14" s="19" t="s">
        <v>1489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C0B489-AA25-4AE6-A118-30FB7C40551B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0" sqref="E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7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7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8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7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8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2B3EB6-AE2D-4859-BD2A-6D9A718BB481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0" sqref="D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48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48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49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9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9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490</v>
      </c>
      <c r="C11" s="19" t="s">
        <v>1180</v>
      </c>
      <c r="D11" s="19" t="s">
        <v>1180</v>
      </c>
      <c r="E11" s="19" t="s">
        <v>1081</v>
      </c>
      <c r="F11" s="19" t="s">
        <v>1491</v>
      </c>
      <c r="G11" s="19" t="s">
        <v>28</v>
      </c>
      <c r="H11" s="19" t="s">
        <v>28</v>
      </c>
      <c r="I11" s="19" t="s">
        <v>1113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A6F561-3442-4C39-AFE2-0F929E0C2B2B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4" sqref="C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0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0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0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0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0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457</v>
      </c>
      <c r="C11" s="19" t="s">
        <v>1180</v>
      </c>
      <c r="D11" s="19" t="s">
        <v>1180</v>
      </c>
      <c r="E11" s="19" t="s">
        <v>1081</v>
      </c>
      <c r="F11" s="19" t="s">
        <v>1492</v>
      </c>
      <c r="G11" s="19" t="s">
        <v>28</v>
      </c>
      <c r="H11" s="19" t="s">
        <v>28</v>
      </c>
      <c r="I11" s="19" t="s">
        <v>1493</v>
      </c>
      <c r="J11" s="19" t="s">
        <v>28</v>
      </c>
      <c r="K11" s="19" t="s">
        <v>1085</v>
      </c>
      <c r="L11" s="19" t="s">
        <v>1086</v>
      </c>
      <c r="M11" s="19" t="s">
        <v>1223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461</v>
      </c>
      <c r="C14" s="19" t="s">
        <v>1180</v>
      </c>
      <c r="D14" s="19" t="s">
        <v>1180</v>
      </c>
      <c r="E14" s="19" t="s">
        <v>1081</v>
      </c>
      <c r="F14" s="19" t="s">
        <v>1234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1536058-CDA9-4522-929A-7911A47474A2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4" sqref="E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1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1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1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7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7</v>
      </c>
      <c r="C11" s="19" t="s">
        <v>1130</v>
      </c>
      <c r="D11" s="19" t="s">
        <v>1130</v>
      </c>
      <c r="E11" s="19" t="s">
        <v>1351</v>
      </c>
      <c r="F11" s="19" t="s">
        <v>1494</v>
      </c>
      <c r="G11" s="19" t="s">
        <v>28</v>
      </c>
      <c r="H11" s="19" t="s">
        <v>28</v>
      </c>
      <c r="I11" s="19" t="s">
        <v>28</v>
      </c>
      <c r="J11" s="19" t="s">
        <v>28</v>
      </c>
      <c r="K11" s="19" t="s">
        <v>1087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466</v>
      </c>
      <c r="C12" s="19" t="s">
        <v>1130</v>
      </c>
      <c r="D12" s="19" t="s">
        <v>1130</v>
      </c>
      <c r="E12" s="19" t="s">
        <v>1081</v>
      </c>
      <c r="F12" s="19" t="s">
        <v>1110</v>
      </c>
      <c r="G12" s="19" t="s">
        <v>28</v>
      </c>
      <c r="H12" s="19" t="s">
        <v>28</v>
      </c>
      <c r="I12" s="19" t="s">
        <v>28</v>
      </c>
      <c r="J12" s="19" t="s">
        <v>1369</v>
      </c>
      <c r="K12" s="19" t="s">
        <v>1087</v>
      </c>
      <c r="L12" s="19" t="s">
        <v>1086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467</v>
      </c>
      <c r="C13" s="19" t="s">
        <v>1130</v>
      </c>
      <c r="D13" s="19" t="s">
        <v>1130</v>
      </c>
      <c r="E13" s="19" t="s">
        <v>1081</v>
      </c>
      <c r="F13" s="19" t="s">
        <v>1110</v>
      </c>
      <c r="G13" s="19" t="s">
        <v>28</v>
      </c>
      <c r="H13" s="19" t="s">
        <v>28</v>
      </c>
      <c r="I13" s="19" t="s">
        <v>28</v>
      </c>
      <c r="J13" s="19" t="s">
        <v>1369</v>
      </c>
      <c r="K13" s="19" t="s">
        <v>1087</v>
      </c>
      <c r="L13" s="19" t="s">
        <v>1086</v>
      </c>
      <c r="M13" s="19" t="s">
        <v>1087</v>
      </c>
      <c r="N13" s="19" t="s">
        <v>28</v>
      </c>
    </row>
    <row r="15" spans="1:14" s="1" customFormat="1" ht="15" customHeight="1" x14ac:dyDescent="0.15">
      <c r="A15" s="16" t="s">
        <v>1178</v>
      </c>
      <c r="B15" s="17" t="s">
        <v>1066</v>
      </c>
      <c r="C15" s="17" t="s">
        <v>1067</v>
      </c>
      <c r="D15" s="17" t="s">
        <v>1068</v>
      </c>
      <c r="E15" s="17" t="s">
        <v>1069</v>
      </c>
      <c r="F15" s="17" t="s">
        <v>1070</v>
      </c>
      <c r="G15" s="17" t="s">
        <v>1071</v>
      </c>
      <c r="H15" s="17" t="s">
        <v>1072</v>
      </c>
      <c r="I15" s="17" t="s">
        <v>1179</v>
      </c>
      <c r="J15" s="18" t="s">
        <v>1078</v>
      </c>
    </row>
    <row r="16" spans="1:14" s="1" customFormat="1" ht="15" customHeight="1" x14ac:dyDescent="0.15">
      <c r="B16" s="19"/>
      <c r="C16" s="19"/>
      <c r="D16" s="19"/>
      <c r="E16" s="19"/>
      <c r="F16" s="19"/>
      <c r="G16" s="19"/>
      <c r="H16" s="19"/>
      <c r="I16" s="19"/>
      <c r="J16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7F67DF-EB28-47ED-B0E1-96A356B0E609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6" sqref="D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1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1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1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1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1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5D7A96-6FB0-400B-AF30-10DC4CA8C4BC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F31" sqref="F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2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2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2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2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2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C55387-CCA6-4F77-86CF-33F53AE11AA9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7" sqref="B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182</v>
      </c>
      <c r="C14" s="19" t="s">
        <v>1180</v>
      </c>
      <c r="D14" s="19" t="s">
        <v>1180</v>
      </c>
      <c r="E14" s="19" t="s">
        <v>1081</v>
      </c>
      <c r="F14" s="19" t="s">
        <v>1183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7B223E7-ACE0-4CDF-9D55-8BEEACE9BFFC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7" sqref="D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3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3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3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3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11</v>
      </c>
      <c r="C11" s="19" t="s">
        <v>1229</v>
      </c>
      <c r="D11" s="19" t="s">
        <v>1495</v>
      </c>
      <c r="E11" s="19" t="s">
        <v>1081</v>
      </c>
      <c r="F11" s="19" t="s">
        <v>1378</v>
      </c>
      <c r="G11" s="19" t="s">
        <v>28</v>
      </c>
      <c r="H11" s="19" t="s">
        <v>28</v>
      </c>
      <c r="I11" s="19" t="s">
        <v>1496</v>
      </c>
      <c r="J11" s="19" t="s">
        <v>1087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114</v>
      </c>
      <c r="C12" s="19" t="s">
        <v>1180</v>
      </c>
      <c r="D12" s="19" t="s">
        <v>1180</v>
      </c>
      <c r="E12" s="19" t="s">
        <v>1081</v>
      </c>
      <c r="F12" s="19" t="s">
        <v>1497</v>
      </c>
      <c r="G12" s="19" t="s">
        <v>28</v>
      </c>
      <c r="H12" s="19" t="s">
        <v>28</v>
      </c>
      <c r="I12" s="19" t="s">
        <v>1235</v>
      </c>
      <c r="J12" s="19" t="s">
        <v>1087</v>
      </c>
      <c r="K12" s="19" t="s">
        <v>1085</v>
      </c>
      <c r="L12" s="19" t="s">
        <v>1086</v>
      </c>
      <c r="M12" s="19" t="s">
        <v>1087</v>
      </c>
      <c r="N12" s="19" t="s">
        <v>28</v>
      </c>
    </row>
    <row r="14" spans="1:14" s="1" customFormat="1" ht="15" customHeight="1" x14ac:dyDescent="0.15">
      <c r="A14" s="16" t="s">
        <v>1178</v>
      </c>
      <c r="B14" s="17" t="s">
        <v>1066</v>
      </c>
      <c r="C14" s="17" t="s">
        <v>1067</v>
      </c>
      <c r="D14" s="17" t="s">
        <v>1068</v>
      </c>
      <c r="E14" s="17" t="s">
        <v>1069</v>
      </c>
      <c r="F14" s="17" t="s">
        <v>1070</v>
      </c>
      <c r="G14" s="17" t="s">
        <v>1071</v>
      </c>
      <c r="H14" s="17" t="s">
        <v>1072</v>
      </c>
      <c r="I14" s="17" t="s">
        <v>1179</v>
      </c>
      <c r="J14" s="18" t="s">
        <v>1078</v>
      </c>
    </row>
    <row r="15" spans="1:14" s="1" customFormat="1" ht="15" customHeight="1" x14ac:dyDescent="0.15">
      <c r="B15" s="19"/>
      <c r="C15" s="19"/>
      <c r="D15" s="19"/>
      <c r="E15" s="19"/>
      <c r="F15" s="19"/>
      <c r="G15" s="19"/>
      <c r="H15" s="19"/>
      <c r="I15" s="19"/>
      <c r="J15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064FEB-3E7C-402C-A28A-3FF163E56121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4" sqref="E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3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3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4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3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4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182</v>
      </c>
      <c r="C14" s="19" t="s">
        <v>1180</v>
      </c>
      <c r="D14" s="19" t="s">
        <v>1180</v>
      </c>
      <c r="E14" s="19" t="s">
        <v>1081</v>
      </c>
      <c r="F14" s="19" t="s">
        <v>1234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406C5B-EF25-4A42-AF20-8455B9266D8C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4" sqref="E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4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4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4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4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4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498</v>
      </c>
      <c r="C11" s="19" t="s">
        <v>1080</v>
      </c>
      <c r="D11" s="19" t="s">
        <v>1080</v>
      </c>
      <c r="E11" s="19" t="s">
        <v>1081</v>
      </c>
      <c r="F11" s="19" t="s">
        <v>1499</v>
      </c>
      <c r="G11" s="19" t="s">
        <v>28</v>
      </c>
      <c r="H11" s="19" t="s">
        <v>28</v>
      </c>
      <c r="I11" s="19" t="s">
        <v>1113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EEB7B6-ADE3-49C7-BE42-A9B8B3160828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5" sqref="C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5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5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5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6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2AFB44-5997-42E1-9965-8B5C17B9EF8F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6" sqref="C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5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5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6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5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6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457</v>
      </c>
      <c r="C11" s="19" t="s">
        <v>1080</v>
      </c>
      <c r="D11" s="19" t="s">
        <v>1080</v>
      </c>
      <c r="E11" s="19" t="s">
        <v>1081</v>
      </c>
      <c r="F11" s="19" t="s">
        <v>1128</v>
      </c>
      <c r="G11" s="19" t="s">
        <v>28</v>
      </c>
      <c r="H11" s="19" t="s">
        <v>28</v>
      </c>
      <c r="I11" s="19" t="s">
        <v>1113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1101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F0D127-DBEE-4ABA-96F5-D413C40395C0}">
  <sheetPr>
    <pageSetUpPr fitToPage="1"/>
  </sheetPr>
  <dimension ref="A2:N21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30" sqref="B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6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6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6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6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7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500</v>
      </c>
      <c r="C11" s="19" t="s">
        <v>1180</v>
      </c>
      <c r="D11" s="19" t="s">
        <v>1180</v>
      </c>
      <c r="E11" s="19" t="s">
        <v>1081</v>
      </c>
      <c r="F11" s="19" t="s">
        <v>1501</v>
      </c>
      <c r="G11" s="19" t="s">
        <v>28</v>
      </c>
      <c r="H11" s="19" t="s">
        <v>28</v>
      </c>
      <c r="I11" s="19" t="s">
        <v>1186</v>
      </c>
      <c r="J11" s="19" t="s">
        <v>1237</v>
      </c>
      <c r="K11" s="19" t="s">
        <v>1085</v>
      </c>
      <c r="L11" s="19" t="s">
        <v>1086</v>
      </c>
      <c r="M11" s="19" t="s">
        <v>1087</v>
      </c>
      <c r="N11" s="19" t="s">
        <v>1502</v>
      </c>
    </row>
    <row r="12" spans="1:14" s="1" customFormat="1" ht="15" customHeight="1" x14ac:dyDescent="0.15">
      <c r="B12" s="19" t="s">
        <v>1503</v>
      </c>
      <c r="C12" s="19" t="s">
        <v>112</v>
      </c>
      <c r="D12" s="19" t="s">
        <v>1504</v>
      </c>
      <c r="E12" s="19" t="s">
        <v>1081</v>
      </c>
      <c r="F12" s="19" t="s">
        <v>1263</v>
      </c>
      <c r="G12" s="19" t="s">
        <v>28</v>
      </c>
      <c r="H12" s="19" t="s">
        <v>28</v>
      </c>
      <c r="I12" s="19" t="s">
        <v>1505</v>
      </c>
      <c r="J12" s="19" t="s">
        <v>1237</v>
      </c>
      <c r="K12" s="19" t="s">
        <v>1085</v>
      </c>
      <c r="L12" s="19" t="s">
        <v>1086</v>
      </c>
      <c r="M12" s="19" t="s">
        <v>1087</v>
      </c>
      <c r="N12" s="19" t="s">
        <v>1101</v>
      </c>
    </row>
    <row r="13" spans="1:14" s="1" customFormat="1" ht="15" customHeight="1" x14ac:dyDescent="0.15">
      <c r="B13" s="19" t="s">
        <v>1506</v>
      </c>
      <c r="C13" s="19" t="s">
        <v>1229</v>
      </c>
      <c r="D13" s="19" t="s">
        <v>1230</v>
      </c>
      <c r="E13" s="19" t="s">
        <v>1081</v>
      </c>
      <c r="F13" s="19" t="s">
        <v>1507</v>
      </c>
      <c r="G13" s="19" t="s">
        <v>28</v>
      </c>
      <c r="H13" s="19" t="s">
        <v>28</v>
      </c>
      <c r="I13" s="19" t="s">
        <v>1508</v>
      </c>
      <c r="J13" s="19" t="s">
        <v>1237</v>
      </c>
      <c r="K13" s="19" t="s">
        <v>1085</v>
      </c>
      <c r="L13" s="19" t="s">
        <v>1086</v>
      </c>
      <c r="M13" s="19" t="s">
        <v>1087</v>
      </c>
      <c r="N13" s="19" t="s">
        <v>1509</v>
      </c>
    </row>
    <row r="14" spans="1:14" s="1" customFormat="1" ht="15" customHeight="1" x14ac:dyDescent="0.15">
      <c r="B14" s="19" t="s">
        <v>1510</v>
      </c>
      <c r="C14" s="19" t="s">
        <v>1229</v>
      </c>
      <c r="D14" s="19" t="s">
        <v>1230</v>
      </c>
      <c r="E14" s="19" t="s">
        <v>1081</v>
      </c>
      <c r="F14" s="19" t="s">
        <v>1507</v>
      </c>
      <c r="G14" s="19" t="s">
        <v>28</v>
      </c>
      <c r="H14" s="19" t="s">
        <v>28</v>
      </c>
      <c r="I14" s="19" t="s">
        <v>1508</v>
      </c>
      <c r="J14" s="19" t="s">
        <v>1237</v>
      </c>
      <c r="K14" s="19" t="s">
        <v>1085</v>
      </c>
      <c r="L14" s="19" t="s">
        <v>1086</v>
      </c>
      <c r="M14" s="19" t="s">
        <v>1087</v>
      </c>
      <c r="N14" s="19" t="s">
        <v>1509</v>
      </c>
    </row>
    <row r="15" spans="1:14" s="1" customFormat="1" ht="15" customHeight="1" x14ac:dyDescent="0.15">
      <c r="B15" s="19" t="s">
        <v>1511</v>
      </c>
      <c r="C15" s="19" t="s">
        <v>1229</v>
      </c>
      <c r="D15" s="19" t="s">
        <v>1230</v>
      </c>
      <c r="E15" s="19" t="s">
        <v>1081</v>
      </c>
      <c r="F15" s="19" t="s">
        <v>1507</v>
      </c>
      <c r="G15" s="19" t="s">
        <v>28</v>
      </c>
      <c r="H15" s="19" t="s">
        <v>28</v>
      </c>
      <c r="I15" s="19" t="s">
        <v>1508</v>
      </c>
      <c r="J15" s="19" t="s">
        <v>1237</v>
      </c>
      <c r="K15" s="19" t="s">
        <v>1085</v>
      </c>
      <c r="L15" s="19" t="s">
        <v>1086</v>
      </c>
      <c r="M15" s="19" t="s">
        <v>1087</v>
      </c>
      <c r="N15" s="19" t="s">
        <v>1509</v>
      </c>
    </row>
    <row r="16" spans="1:14" s="1" customFormat="1" ht="15" customHeight="1" x14ac:dyDescent="0.15">
      <c r="B16" s="19" t="s">
        <v>1512</v>
      </c>
      <c r="C16" s="19" t="s">
        <v>1229</v>
      </c>
      <c r="D16" s="19" t="s">
        <v>1513</v>
      </c>
      <c r="E16" s="19" t="s">
        <v>1081</v>
      </c>
      <c r="F16" s="19" t="s">
        <v>1507</v>
      </c>
      <c r="G16" s="19" t="s">
        <v>28</v>
      </c>
      <c r="H16" s="19" t="s">
        <v>28</v>
      </c>
      <c r="I16" s="19" t="s">
        <v>1514</v>
      </c>
      <c r="J16" s="19" t="s">
        <v>1237</v>
      </c>
      <c r="K16" s="19" t="s">
        <v>1085</v>
      </c>
      <c r="L16" s="19" t="s">
        <v>1086</v>
      </c>
      <c r="M16" s="19" t="s">
        <v>1087</v>
      </c>
      <c r="N16" s="19" t="s">
        <v>1502</v>
      </c>
    </row>
    <row r="17" spans="1:14" s="1" customFormat="1" ht="15" customHeight="1" x14ac:dyDescent="0.15">
      <c r="B17" s="19" t="s">
        <v>1515</v>
      </c>
      <c r="C17" s="19" t="s">
        <v>1180</v>
      </c>
      <c r="D17" s="19" t="s">
        <v>1180</v>
      </c>
      <c r="E17" s="19" t="s">
        <v>1081</v>
      </c>
      <c r="F17" s="19" t="s">
        <v>1501</v>
      </c>
      <c r="G17" s="19" t="s">
        <v>28</v>
      </c>
      <c r="H17" s="19" t="s">
        <v>28</v>
      </c>
      <c r="I17" s="19" t="s">
        <v>1186</v>
      </c>
      <c r="J17" s="19" t="s">
        <v>28</v>
      </c>
      <c r="K17" s="19" t="s">
        <v>28</v>
      </c>
      <c r="L17" s="19" t="s">
        <v>28</v>
      </c>
      <c r="M17" s="19" t="s">
        <v>28</v>
      </c>
      <c r="N17" s="19" t="s">
        <v>1516</v>
      </c>
    </row>
    <row r="18" spans="1:14" s="1" customFormat="1" ht="15" customHeight="1" x14ac:dyDescent="0.15">
      <c r="B18" s="19" t="s">
        <v>1517</v>
      </c>
      <c r="C18" s="19" t="s">
        <v>1180</v>
      </c>
      <c r="D18" s="19" t="s">
        <v>1180</v>
      </c>
      <c r="E18" s="19" t="s">
        <v>1081</v>
      </c>
      <c r="F18" s="19" t="s">
        <v>1518</v>
      </c>
      <c r="G18" s="19" t="s">
        <v>28</v>
      </c>
      <c r="H18" s="19" t="s">
        <v>28</v>
      </c>
      <c r="I18" s="19" t="s">
        <v>1235</v>
      </c>
      <c r="J18" s="19" t="s">
        <v>28</v>
      </c>
      <c r="K18" s="19" t="s">
        <v>28</v>
      </c>
      <c r="L18" s="19" t="s">
        <v>28</v>
      </c>
      <c r="M18" s="19" t="s">
        <v>28</v>
      </c>
      <c r="N18" s="19" t="s">
        <v>1516</v>
      </c>
    </row>
    <row r="20" spans="1:14" s="1" customFormat="1" ht="15" customHeight="1" x14ac:dyDescent="0.15">
      <c r="A20" s="16" t="s">
        <v>1178</v>
      </c>
      <c r="B20" s="17" t="s">
        <v>1066</v>
      </c>
      <c r="C20" s="17" t="s">
        <v>1067</v>
      </c>
      <c r="D20" s="17" t="s">
        <v>1068</v>
      </c>
      <c r="E20" s="17" t="s">
        <v>1069</v>
      </c>
      <c r="F20" s="17" t="s">
        <v>1070</v>
      </c>
      <c r="G20" s="17" t="s">
        <v>1071</v>
      </c>
      <c r="H20" s="17" t="s">
        <v>1072</v>
      </c>
      <c r="I20" s="17" t="s">
        <v>1179</v>
      </c>
      <c r="J20" s="18" t="s">
        <v>1078</v>
      </c>
    </row>
    <row r="21" spans="1:14" s="1" customFormat="1" ht="15" customHeight="1" x14ac:dyDescent="0.15">
      <c r="B21" s="19"/>
      <c r="C21" s="19"/>
      <c r="D21" s="19"/>
      <c r="E21" s="19"/>
      <c r="F21" s="19"/>
      <c r="G21" s="19"/>
      <c r="H21" s="19"/>
      <c r="I21" s="19"/>
      <c r="J21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4CB3F2-98F4-4B4B-B11C-E8764D0C5214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4" sqref="C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7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7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8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7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8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B6565B-BCCB-43A4-8FDD-30C0B6621163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1" sqref="C2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8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8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8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8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7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14EA36-EF44-463D-9D8C-1AE2559C93C9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5" sqref="C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9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9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59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9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9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127513-2D17-402F-8799-DC909600EF27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2" sqref="B2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59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59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0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0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0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519</v>
      </c>
      <c r="C14" s="19" t="s">
        <v>1180</v>
      </c>
      <c r="D14" s="19" t="s">
        <v>1180</v>
      </c>
      <c r="E14" s="19" t="s">
        <v>1081</v>
      </c>
      <c r="F14" s="19" t="s">
        <v>1491</v>
      </c>
      <c r="G14" s="19" t="s">
        <v>28</v>
      </c>
      <c r="H14" s="19" t="s">
        <v>28</v>
      </c>
      <c r="I14" s="19" t="s">
        <v>28</v>
      </c>
      <c r="J14" s="19" t="s">
        <v>28</v>
      </c>
    </row>
    <row r="15" spans="1:14" s="1" customFormat="1" ht="15" customHeight="1" x14ac:dyDescent="0.15">
      <c r="B15" s="19" t="s">
        <v>1520</v>
      </c>
      <c r="C15" s="19" t="s">
        <v>1180</v>
      </c>
      <c r="D15" s="19" t="s">
        <v>1180</v>
      </c>
      <c r="E15" s="19" t="s">
        <v>1081</v>
      </c>
      <c r="F15" s="19" t="s">
        <v>1507</v>
      </c>
      <c r="G15" s="19" t="s">
        <v>28</v>
      </c>
      <c r="H15" s="19" t="s">
        <v>28</v>
      </c>
      <c r="I15" s="19" t="s">
        <v>28</v>
      </c>
      <c r="J15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75F477-3EC9-4577-8D78-4095DDB54D82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F21" sqref="F2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4</v>
      </c>
      <c r="C11" s="19" t="s">
        <v>1180</v>
      </c>
      <c r="D11" s="19" t="s">
        <v>1180</v>
      </c>
      <c r="E11" s="19" t="s">
        <v>1081</v>
      </c>
      <c r="F11" s="19" t="s">
        <v>1185</v>
      </c>
      <c r="G11" s="19" t="s">
        <v>28</v>
      </c>
      <c r="H11" s="19" t="s">
        <v>28</v>
      </c>
      <c r="I11" s="19" t="s">
        <v>1186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FC04AB-5759-47A1-857E-A84F89CCB341}">
  <sheetPr>
    <pageSetUpPr fitToPage="1"/>
  </sheetPr>
  <dimension ref="A2:N13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0" sqref="C2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0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0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0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0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10</v>
      </c>
      <c r="C7" s="9"/>
      <c r="D7" s="9"/>
      <c r="E7" s="9"/>
      <c r="F7" s="9"/>
      <c r="G7" s="10"/>
      <c r="H7" s="11"/>
      <c r="I7" s="12"/>
    </row>
    <row r="9" spans="1:14" s="1" customFormat="1" ht="13.5" customHeight="1" x14ac:dyDescent="0.15">
      <c r="A9" s="16" t="s">
        <v>1065</v>
      </c>
      <c r="B9" s="17" t="s">
        <v>1066</v>
      </c>
      <c r="C9" s="17" t="s">
        <v>1067</v>
      </c>
      <c r="D9" s="17" t="s">
        <v>1068</v>
      </c>
      <c r="E9" s="17" t="s">
        <v>1069</v>
      </c>
      <c r="F9" s="17" t="s">
        <v>1070</v>
      </c>
      <c r="G9" s="17" t="s">
        <v>1071</v>
      </c>
      <c r="H9" s="17" t="s">
        <v>1072</v>
      </c>
      <c r="I9" s="17" t="s">
        <v>1073</v>
      </c>
      <c r="J9" s="17" t="s">
        <v>1074</v>
      </c>
      <c r="K9" s="17" t="s">
        <v>1075</v>
      </c>
      <c r="L9" s="17" t="s">
        <v>1076</v>
      </c>
      <c r="M9" s="17" t="s">
        <v>1077</v>
      </c>
      <c r="N9" s="18" t="s">
        <v>1078</v>
      </c>
    </row>
    <row r="10" spans="1:14" s="1" customFormat="1" ht="15" customHeight="1" x14ac:dyDescent="0.15">
      <c r="B10" s="19"/>
      <c r="C10" s="19"/>
      <c r="D10" s="19"/>
      <c r="E10" s="19"/>
      <c r="F10" s="19"/>
      <c r="G10" s="19"/>
      <c r="H10" s="19"/>
      <c r="I10" s="19"/>
      <c r="J10" s="19"/>
      <c r="K10" s="19"/>
      <c r="L10" s="19"/>
      <c r="M10" s="19"/>
      <c r="N10" s="19"/>
    </row>
    <row r="12" spans="1:14" s="1" customFormat="1" ht="15" customHeight="1" x14ac:dyDescent="0.15">
      <c r="A12" s="16" t="s">
        <v>1178</v>
      </c>
      <c r="B12" s="17" t="s">
        <v>1066</v>
      </c>
      <c r="C12" s="17" t="s">
        <v>1067</v>
      </c>
      <c r="D12" s="17" t="s">
        <v>1068</v>
      </c>
      <c r="E12" s="17" t="s">
        <v>1069</v>
      </c>
      <c r="F12" s="17" t="s">
        <v>1070</v>
      </c>
      <c r="G12" s="17" t="s">
        <v>1071</v>
      </c>
      <c r="H12" s="17" t="s">
        <v>1072</v>
      </c>
      <c r="I12" s="17" t="s">
        <v>1179</v>
      </c>
      <c r="J12" s="18" t="s">
        <v>1078</v>
      </c>
    </row>
    <row r="13" spans="1:14" s="1" customFormat="1" ht="15" customHeight="1" x14ac:dyDescent="0.15">
      <c r="B13" s="19"/>
      <c r="C13" s="19"/>
      <c r="D13" s="19"/>
      <c r="E13" s="19"/>
      <c r="F13" s="19"/>
      <c r="G13" s="19"/>
      <c r="H13" s="19"/>
      <c r="I13" s="19"/>
      <c r="J13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9947B8-27C3-4B97-BF55-E398F6A2B36D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0" sqref="B2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1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1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1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1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1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521</v>
      </c>
      <c r="C14" s="19" t="s">
        <v>1180</v>
      </c>
      <c r="D14" s="19" t="s">
        <v>1180</v>
      </c>
      <c r="E14" s="19" t="s">
        <v>1081</v>
      </c>
      <c r="F14" s="19" t="s">
        <v>1492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CE9507-FC4B-4427-8E3C-C32EA6112A88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9" sqref="E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2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2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2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9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2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3674CED-B700-4C8F-80EF-DEF2E00DD5B0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9" sqref="A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2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2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2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6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7</v>
      </c>
      <c r="C11" s="19" t="s">
        <v>1130</v>
      </c>
      <c r="D11" s="19" t="s">
        <v>1130</v>
      </c>
      <c r="E11" s="19" t="s">
        <v>1522</v>
      </c>
      <c r="F11" s="19" t="s">
        <v>1219</v>
      </c>
      <c r="G11" s="19" t="s">
        <v>28</v>
      </c>
      <c r="H11" s="19" t="s">
        <v>28</v>
      </c>
      <c r="I11" s="19" t="s">
        <v>1523</v>
      </c>
      <c r="J11" s="19" t="s">
        <v>28</v>
      </c>
      <c r="K11" s="19" t="s">
        <v>1087</v>
      </c>
      <c r="L11" s="19" t="s">
        <v>1201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466</v>
      </c>
      <c r="C12" s="19" t="s">
        <v>1130</v>
      </c>
      <c r="D12" s="19" t="s">
        <v>1130</v>
      </c>
      <c r="E12" s="19" t="s">
        <v>1081</v>
      </c>
      <c r="F12" s="19" t="s">
        <v>1110</v>
      </c>
      <c r="G12" s="19" t="s">
        <v>28</v>
      </c>
      <c r="H12" s="19" t="s">
        <v>28</v>
      </c>
      <c r="I12" s="19" t="s">
        <v>1523</v>
      </c>
      <c r="J12" s="19" t="s">
        <v>1369</v>
      </c>
      <c r="K12" s="19" t="s">
        <v>1087</v>
      </c>
      <c r="L12" s="19" t="s">
        <v>1201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467</v>
      </c>
      <c r="C13" s="19" t="s">
        <v>1130</v>
      </c>
      <c r="D13" s="19" t="s">
        <v>1130</v>
      </c>
      <c r="E13" s="19" t="s">
        <v>1081</v>
      </c>
      <c r="F13" s="19" t="s">
        <v>1110</v>
      </c>
      <c r="G13" s="19" t="s">
        <v>28</v>
      </c>
      <c r="H13" s="19" t="s">
        <v>28</v>
      </c>
      <c r="I13" s="19" t="s">
        <v>1524</v>
      </c>
      <c r="J13" s="19" t="s">
        <v>1369</v>
      </c>
      <c r="K13" s="19" t="s">
        <v>1087</v>
      </c>
      <c r="L13" s="19" t="s">
        <v>1201</v>
      </c>
      <c r="M13" s="19" t="s">
        <v>1087</v>
      </c>
      <c r="N13" s="19" t="s">
        <v>28</v>
      </c>
    </row>
    <row r="15" spans="1:14" s="1" customFormat="1" ht="15" customHeight="1" x14ac:dyDescent="0.15">
      <c r="A15" s="16" t="s">
        <v>1178</v>
      </c>
      <c r="B15" s="17" t="s">
        <v>1066</v>
      </c>
      <c r="C15" s="17" t="s">
        <v>1067</v>
      </c>
      <c r="D15" s="17" t="s">
        <v>1068</v>
      </c>
      <c r="E15" s="17" t="s">
        <v>1069</v>
      </c>
      <c r="F15" s="17" t="s">
        <v>1070</v>
      </c>
      <c r="G15" s="17" t="s">
        <v>1071</v>
      </c>
      <c r="H15" s="17" t="s">
        <v>1072</v>
      </c>
      <c r="I15" s="17" t="s">
        <v>1179</v>
      </c>
      <c r="J15" s="18" t="s">
        <v>1078</v>
      </c>
    </row>
    <row r="16" spans="1:14" s="1" customFormat="1" ht="15" customHeight="1" x14ac:dyDescent="0.15">
      <c r="B16" s="19"/>
      <c r="C16" s="19"/>
      <c r="D16" s="19"/>
      <c r="E16" s="19"/>
      <c r="F16" s="19"/>
      <c r="G16" s="19"/>
      <c r="H16" s="19"/>
      <c r="I16" s="19"/>
      <c r="J16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64B9B7-71AC-4F7B-9BDA-024E12D0F2BB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4" sqref="C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3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3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3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3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3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34</v>
      </c>
      <c r="C11" s="19" t="s">
        <v>1180</v>
      </c>
      <c r="D11" s="19" t="s">
        <v>1180</v>
      </c>
      <c r="E11" s="19" t="s">
        <v>1081</v>
      </c>
      <c r="F11" s="19" t="s">
        <v>1525</v>
      </c>
      <c r="G11" s="19" t="s">
        <v>28</v>
      </c>
      <c r="H11" s="19" t="s">
        <v>28</v>
      </c>
      <c r="I11" s="19" t="s">
        <v>1216</v>
      </c>
      <c r="J11" s="19" t="s">
        <v>28</v>
      </c>
      <c r="K11" s="19" t="s">
        <v>1087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136</v>
      </c>
      <c r="C12" s="19" t="s">
        <v>1180</v>
      </c>
      <c r="D12" s="19" t="s">
        <v>1180</v>
      </c>
      <c r="E12" s="19" t="s">
        <v>1081</v>
      </c>
      <c r="F12" s="19" t="s">
        <v>1526</v>
      </c>
      <c r="G12" s="19" t="s">
        <v>28</v>
      </c>
      <c r="H12" s="19" t="s">
        <v>28</v>
      </c>
      <c r="I12" s="19" t="s">
        <v>1113</v>
      </c>
      <c r="J12" s="19" t="s">
        <v>1237</v>
      </c>
      <c r="K12" s="19" t="s">
        <v>1087</v>
      </c>
      <c r="L12" s="19" t="s">
        <v>1086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137</v>
      </c>
      <c r="C13" s="19" t="s">
        <v>112</v>
      </c>
      <c r="D13" s="19" t="s">
        <v>1527</v>
      </c>
      <c r="E13" s="19" t="s">
        <v>1081</v>
      </c>
      <c r="F13" s="19" t="s">
        <v>1528</v>
      </c>
      <c r="G13" s="19" t="s">
        <v>28</v>
      </c>
      <c r="H13" s="19" t="s">
        <v>28</v>
      </c>
      <c r="I13" s="19" t="s">
        <v>28</v>
      </c>
      <c r="J13" s="19" t="s">
        <v>1237</v>
      </c>
      <c r="K13" s="19" t="s">
        <v>1087</v>
      </c>
      <c r="L13" s="19" t="s">
        <v>1086</v>
      </c>
      <c r="M13" s="19" t="s">
        <v>1087</v>
      </c>
      <c r="N13" s="19" t="s">
        <v>28</v>
      </c>
    </row>
    <row r="15" spans="1:14" s="1" customFormat="1" ht="15" customHeight="1" x14ac:dyDescent="0.15">
      <c r="A15" s="16" t="s">
        <v>1178</v>
      </c>
      <c r="B15" s="17" t="s">
        <v>1066</v>
      </c>
      <c r="C15" s="17" t="s">
        <v>1067</v>
      </c>
      <c r="D15" s="17" t="s">
        <v>1068</v>
      </c>
      <c r="E15" s="17" t="s">
        <v>1069</v>
      </c>
      <c r="F15" s="17" t="s">
        <v>1070</v>
      </c>
      <c r="G15" s="17" t="s">
        <v>1071</v>
      </c>
      <c r="H15" s="17" t="s">
        <v>1072</v>
      </c>
      <c r="I15" s="17" t="s">
        <v>1179</v>
      </c>
      <c r="J15" s="18" t="s">
        <v>1078</v>
      </c>
    </row>
    <row r="16" spans="1:14" s="1" customFormat="1" ht="15" customHeight="1" x14ac:dyDescent="0.15">
      <c r="B16" s="19"/>
      <c r="C16" s="19"/>
      <c r="D16" s="19"/>
      <c r="E16" s="19"/>
      <c r="F16" s="19"/>
      <c r="G16" s="19"/>
      <c r="H16" s="19"/>
      <c r="I16" s="19"/>
      <c r="J16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D3E5BC1-39FF-4A1C-A015-3AE48F750B83}">
  <sheetPr>
    <pageSetUpPr fitToPage="1"/>
  </sheetPr>
  <dimension ref="A2:N20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0" sqref="D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4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4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4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4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4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4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529</v>
      </c>
      <c r="C11" s="19" t="s">
        <v>1530</v>
      </c>
      <c r="D11" s="19" t="s">
        <v>1530</v>
      </c>
      <c r="E11" s="19" t="s">
        <v>1198</v>
      </c>
      <c r="F11" s="19" t="s">
        <v>1531</v>
      </c>
      <c r="G11" s="19" t="s">
        <v>28</v>
      </c>
      <c r="H11" s="19" t="s">
        <v>28</v>
      </c>
      <c r="I11" s="19" t="s">
        <v>28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532</v>
      </c>
      <c r="C12" s="19" t="s">
        <v>1530</v>
      </c>
      <c r="D12" s="19" t="s">
        <v>1530</v>
      </c>
      <c r="E12" s="19" t="s">
        <v>1081</v>
      </c>
      <c r="F12" s="19" t="s">
        <v>1533</v>
      </c>
      <c r="G12" s="19" t="s">
        <v>28</v>
      </c>
      <c r="H12" s="19" t="s">
        <v>28</v>
      </c>
      <c r="I12" s="19" t="s">
        <v>28</v>
      </c>
      <c r="J12" s="19" t="s">
        <v>1197</v>
      </c>
      <c r="K12" s="19" t="s">
        <v>1085</v>
      </c>
      <c r="L12" s="19" t="s">
        <v>1086</v>
      </c>
      <c r="M12" s="19" t="s">
        <v>1087</v>
      </c>
      <c r="N12" s="19" t="s">
        <v>28</v>
      </c>
    </row>
    <row r="14" spans="1:14" s="1" customFormat="1" ht="15" customHeight="1" x14ac:dyDescent="0.15">
      <c r="A14" s="16" t="s">
        <v>1178</v>
      </c>
      <c r="B14" s="17" t="s">
        <v>1066</v>
      </c>
      <c r="C14" s="17" t="s">
        <v>1067</v>
      </c>
      <c r="D14" s="17" t="s">
        <v>1068</v>
      </c>
      <c r="E14" s="17" t="s">
        <v>1069</v>
      </c>
      <c r="F14" s="17" t="s">
        <v>1070</v>
      </c>
      <c r="G14" s="17" t="s">
        <v>1071</v>
      </c>
      <c r="H14" s="17" t="s">
        <v>1072</v>
      </c>
      <c r="I14" s="17" t="s">
        <v>1179</v>
      </c>
      <c r="J14" s="18" t="s">
        <v>1078</v>
      </c>
    </row>
    <row r="15" spans="1:14" s="1" customFormat="1" ht="15" customHeight="1" x14ac:dyDescent="0.15">
      <c r="B15" s="19" t="s">
        <v>1534</v>
      </c>
      <c r="C15" s="19" t="s">
        <v>1474</v>
      </c>
      <c r="D15" s="19" t="s">
        <v>1474</v>
      </c>
      <c r="E15" s="19" t="s">
        <v>1535</v>
      </c>
      <c r="F15" s="19" t="s">
        <v>1456</v>
      </c>
      <c r="G15" s="19" t="s">
        <v>28</v>
      </c>
      <c r="H15" s="19" t="s">
        <v>28</v>
      </c>
      <c r="I15" s="19" t="s">
        <v>28</v>
      </c>
      <c r="J15" s="19" t="s">
        <v>1477</v>
      </c>
    </row>
    <row r="16" spans="1:14" s="1" customFormat="1" ht="15" customHeight="1" x14ac:dyDescent="0.15">
      <c r="B16" s="19" t="s">
        <v>1536</v>
      </c>
      <c r="C16" s="19" t="s">
        <v>1474</v>
      </c>
      <c r="D16" s="19" t="s">
        <v>1474</v>
      </c>
      <c r="E16" s="19" t="s">
        <v>1537</v>
      </c>
      <c r="F16" s="19" t="s">
        <v>1538</v>
      </c>
      <c r="G16" s="19" t="s">
        <v>28</v>
      </c>
      <c r="H16" s="19" t="s">
        <v>28</v>
      </c>
      <c r="I16" s="19" t="s">
        <v>28</v>
      </c>
      <c r="J16" s="19" t="s">
        <v>1477</v>
      </c>
    </row>
    <row r="17" spans="2:10" s="1" customFormat="1" ht="15" customHeight="1" x14ac:dyDescent="0.15">
      <c r="B17" s="19" t="s">
        <v>1539</v>
      </c>
      <c r="C17" s="19" t="s">
        <v>1474</v>
      </c>
      <c r="D17" s="19" t="s">
        <v>1474</v>
      </c>
      <c r="E17" s="19" t="s">
        <v>1540</v>
      </c>
      <c r="F17" s="19" t="s">
        <v>1541</v>
      </c>
      <c r="G17" s="19" t="s">
        <v>28</v>
      </c>
      <c r="H17" s="19" t="s">
        <v>28</v>
      </c>
      <c r="I17" s="19" t="s">
        <v>28</v>
      </c>
      <c r="J17" s="19" t="s">
        <v>1477</v>
      </c>
    </row>
    <row r="18" spans="2:10" s="1" customFormat="1" ht="15" customHeight="1" x14ac:dyDescent="0.15">
      <c r="B18" s="19" t="s">
        <v>1542</v>
      </c>
      <c r="C18" s="19" t="s">
        <v>1474</v>
      </c>
      <c r="D18" s="19" t="s">
        <v>1474</v>
      </c>
      <c r="E18" s="19" t="s">
        <v>1543</v>
      </c>
      <c r="F18" s="19" t="s">
        <v>1544</v>
      </c>
      <c r="G18" s="19" t="s">
        <v>28</v>
      </c>
      <c r="H18" s="19" t="s">
        <v>28</v>
      </c>
      <c r="I18" s="19" t="s">
        <v>28</v>
      </c>
      <c r="J18" s="19" t="s">
        <v>1477</v>
      </c>
    </row>
    <row r="19" spans="2:10" s="1" customFormat="1" ht="15" customHeight="1" x14ac:dyDescent="0.15">
      <c r="B19" s="19" t="s">
        <v>1545</v>
      </c>
      <c r="C19" s="19" t="s">
        <v>1474</v>
      </c>
      <c r="D19" s="19" t="s">
        <v>1474</v>
      </c>
      <c r="E19" s="19" t="s">
        <v>1546</v>
      </c>
      <c r="F19" s="19" t="s">
        <v>1547</v>
      </c>
      <c r="G19" s="19" t="s">
        <v>28</v>
      </c>
      <c r="H19" s="19" t="s">
        <v>28</v>
      </c>
      <c r="I19" s="19" t="s">
        <v>28</v>
      </c>
      <c r="J19" s="19" t="s">
        <v>1477</v>
      </c>
    </row>
    <row r="20" spans="2:10" s="1" customFormat="1" ht="15" customHeight="1" x14ac:dyDescent="0.15">
      <c r="B20" s="19" t="s">
        <v>1548</v>
      </c>
      <c r="C20" s="19" t="s">
        <v>1474</v>
      </c>
      <c r="D20" s="19" t="s">
        <v>1474</v>
      </c>
      <c r="E20" s="19" t="s">
        <v>1549</v>
      </c>
      <c r="F20" s="19" t="s">
        <v>1550</v>
      </c>
      <c r="G20" s="19" t="s">
        <v>28</v>
      </c>
      <c r="H20" s="19" t="s">
        <v>28</v>
      </c>
      <c r="I20" s="19" t="s">
        <v>28</v>
      </c>
      <c r="J20" s="19" t="s">
        <v>1477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1463FD-C9BB-420F-86D2-7356FA7DDE37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6" sqref="D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4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5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4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5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5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5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551</v>
      </c>
      <c r="C14" s="19" t="s">
        <v>1080</v>
      </c>
      <c r="D14" s="19" t="s">
        <v>1080</v>
      </c>
      <c r="E14" s="19" t="s">
        <v>1081</v>
      </c>
      <c r="F14" s="19" t="s">
        <v>1552</v>
      </c>
      <c r="G14" s="19" t="s">
        <v>28</v>
      </c>
      <c r="H14" s="19" t="s">
        <v>28</v>
      </c>
      <c r="I14" s="19" t="s">
        <v>1553</v>
      </c>
      <c r="J14" s="19" t="s">
        <v>1554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EE2F349-9630-42A4-BB6C-8AE57C7A9FE4}">
  <sheetPr>
    <pageSetUpPr fitToPage="1"/>
  </sheetPr>
  <dimension ref="A2:N1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6" sqref="D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6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6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4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6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6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6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2</v>
      </c>
      <c r="C11" s="19" t="s">
        <v>1180</v>
      </c>
      <c r="D11" s="19" t="s">
        <v>1180</v>
      </c>
      <c r="E11" s="19" t="s">
        <v>1081</v>
      </c>
      <c r="F11" s="19" t="s">
        <v>1555</v>
      </c>
      <c r="G11" s="19" t="s">
        <v>28</v>
      </c>
      <c r="H11" s="19" t="s">
        <v>28</v>
      </c>
      <c r="I11" s="19" t="s">
        <v>1122</v>
      </c>
      <c r="J11" s="19" t="s">
        <v>28</v>
      </c>
      <c r="K11" s="19" t="s">
        <v>28</v>
      </c>
      <c r="L11" s="19" t="s">
        <v>28</v>
      </c>
      <c r="M11" s="19" t="s">
        <v>28</v>
      </c>
      <c r="N11" s="19" t="s">
        <v>28</v>
      </c>
    </row>
    <row r="12" spans="1:14" s="1" customFormat="1" ht="15" customHeight="1" x14ac:dyDescent="0.15">
      <c r="B12" s="19" t="s">
        <v>1556</v>
      </c>
      <c r="C12" s="19" t="s">
        <v>1180</v>
      </c>
      <c r="D12" s="19" t="s">
        <v>1180</v>
      </c>
      <c r="E12" s="19" t="s">
        <v>1081</v>
      </c>
      <c r="F12" s="19" t="s">
        <v>1555</v>
      </c>
      <c r="G12" s="19" t="s">
        <v>28</v>
      </c>
      <c r="H12" s="19" t="s">
        <v>28</v>
      </c>
      <c r="I12" s="19" t="s">
        <v>1122</v>
      </c>
      <c r="J12" s="19" t="s">
        <v>28</v>
      </c>
      <c r="K12" s="19" t="s">
        <v>28</v>
      </c>
      <c r="L12" s="19" t="s">
        <v>28</v>
      </c>
      <c r="M12" s="19" t="s">
        <v>28</v>
      </c>
      <c r="N12" s="19" t="s">
        <v>28</v>
      </c>
    </row>
    <row r="13" spans="1:14" s="1" customFormat="1" ht="15" customHeight="1" x14ac:dyDescent="0.15">
      <c r="B13" s="19" t="s">
        <v>1557</v>
      </c>
      <c r="C13" s="19" t="s">
        <v>1180</v>
      </c>
      <c r="D13" s="19" t="s">
        <v>1180</v>
      </c>
      <c r="E13" s="19" t="s">
        <v>1081</v>
      </c>
      <c r="F13" s="19" t="s">
        <v>1555</v>
      </c>
      <c r="G13" s="19" t="s">
        <v>28</v>
      </c>
      <c r="H13" s="19" t="s">
        <v>28</v>
      </c>
      <c r="I13" s="19" t="s">
        <v>1122</v>
      </c>
      <c r="J13" s="19" t="s">
        <v>28</v>
      </c>
      <c r="K13" s="19" t="s">
        <v>28</v>
      </c>
      <c r="L13" s="19" t="s">
        <v>28</v>
      </c>
      <c r="M13" s="19" t="s">
        <v>28</v>
      </c>
      <c r="N13" s="19" t="s">
        <v>28</v>
      </c>
    </row>
    <row r="14" spans="1:14" s="1" customFormat="1" ht="15" customHeight="1" x14ac:dyDescent="0.15">
      <c r="B14" s="19" t="s">
        <v>1109</v>
      </c>
      <c r="C14" s="19" t="s">
        <v>1180</v>
      </c>
      <c r="D14" s="19" t="s">
        <v>1180</v>
      </c>
      <c r="E14" s="19" t="s">
        <v>1081</v>
      </c>
      <c r="F14" s="19" t="s">
        <v>1558</v>
      </c>
      <c r="G14" s="19" t="s">
        <v>28</v>
      </c>
      <c r="H14" s="19" t="s">
        <v>28</v>
      </c>
      <c r="I14" s="19" t="s">
        <v>1113</v>
      </c>
      <c r="J14" s="19" t="s">
        <v>28</v>
      </c>
      <c r="K14" s="19" t="s">
        <v>28</v>
      </c>
      <c r="L14" s="19" t="s">
        <v>28</v>
      </c>
      <c r="M14" s="19" t="s">
        <v>28</v>
      </c>
      <c r="N14" s="19" t="s">
        <v>28</v>
      </c>
    </row>
    <row r="16" spans="1:14" s="1" customFormat="1" ht="15" customHeight="1" x14ac:dyDescent="0.15">
      <c r="A16" s="16" t="s">
        <v>1178</v>
      </c>
      <c r="B16" s="17" t="s">
        <v>1066</v>
      </c>
      <c r="C16" s="17" t="s">
        <v>1067</v>
      </c>
      <c r="D16" s="17" t="s">
        <v>1068</v>
      </c>
      <c r="E16" s="17" t="s">
        <v>1069</v>
      </c>
      <c r="F16" s="17" t="s">
        <v>1070</v>
      </c>
      <c r="G16" s="17" t="s">
        <v>1071</v>
      </c>
      <c r="H16" s="17" t="s">
        <v>1072</v>
      </c>
      <c r="I16" s="17" t="s">
        <v>1179</v>
      </c>
      <c r="J16" s="18" t="s">
        <v>1078</v>
      </c>
    </row>
    <row r="17" spans="2:10" s="1" customFormat="1" ht="15" customHeight="1" x14ac:dyDescent="0.15">
      <c r="B17" s="19" t="s">
        <v>1559</v>
      </c>
      <c r="C17" s="19" t="s">
        <v>1180</v>
      </c>
      <c r="D17" s="19" t="s">
        <v>1180</v>
      </c>
      <c r="E17" s="19" t="s">
        <v>1081</v>
      </c>
      <c r="F17" s="19" t="s">
        <v>1560</v>
      </c>
      <c r="G17" s="19" t="s">
        <v>28</v>
      </c>
      <c r="H17" s="19" t="s">
        <v>28</v>
      </c>
      <c r="I17" s="19" t="s">
        <v>28</v>
      </c>
      <c r="J17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F5F8F7-4240-44C1-BEA6-D0278A95AEB0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2" sqref="D3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6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7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4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7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5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5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501DFC-A2CE-4207-B95E-A570DB9547AD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9" sqref="D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7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7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4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7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7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7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E86CD8-5DE0-4F2F-AB47-A16A345962AD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3" sqref="D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891DBF-61C9-43F4-95DE-1361CF04574C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3" sqref="C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8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8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4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8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8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8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561</v>
      </c>
      <c r="C11" s="19" t="s">
        <v>1180</v>
      </c>
      <c r="D11" s="19" t="s">
        <v>1180</v>
      </c>
      <c r="E11" s="19" t="s">
        <v>1081</v>
      </c>
      <c r="F11" s="19" t="s">
        <v>1376</v>
      </c>
      <c r="G11" s="19" t="s">
        <v>28</v>
      </c>
      <c r="H11" s="19" t="s">
        <v>28</v>
      </c>
      <c r="I11" s="19" t="s">
        <v>1122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1562</v>
      </c>
    </row>
    <row r="12" spans="1:14" s="1" customFormat="1" ht="15" customHeight="1" x14ac:dyDescent="0.15">
      <c r="B12" s="19" t="s">
        <v>1563</v>
      </c>
      <c r="C12" s="19" t="s">
        <v>1180</v>
      </c>
      <c r="D12" s="19" t="s">
        <v>1180</v>
      </c>
      <c r="E12" s="19" t="s">
        <v>1081</v>
      </c>
      <c r="F12" s="19" t="s">
        <v>1112</v>
      </c>
      <c r="G12" s="19" t="s">
        <v>28</v>
      </c>
      <c r="H12" s="19" t="s">
        <v>28</v>
      </c>
      <c r="I12" s="19" t="s">
        <v>1155</v>
      </c>
      <c r="J12" s="19" t="s">
        <v>28</v>
      </c>
      <c r="K12" s="19" t="s">
        <v>1085</v>
      </c>
      <c r="L12" s="19" t="s">
        <v>1086</v>
      </c>
      <c r="M12" s="19" t="s">
        <v>1087</v>
      </c>
      <c r="N12" s="19" t="s">
        <v>1562</v>
      </c>
    </row>
    <row r="14" spans="1:14" s="1" customFormat="1" ht="15" customHeight="1" x14ac:dyDescent="0.15">
      <c r="A14" s="16" t="s">
        <v>1178</v>
      </c>
      <c r="B14" s="17" t="s">
        <v>1066</v>
      </c>
      <c r="C14" s="17" t="s">
        <v>1067</v>
      </c>
      <c r="D14" s="17" t="s">
        <v>1068</v>
      </c>
      <c r="E14" s="17" t="s">
        <v>1069</v>
      </c>
      <c r="F14" s="17" t="s">
        <v>1070</v>
      </c>
      <c r="G14" s="17" t="s">
        <v>1071</v>
      </c>
      <c r="H14" s="17" t="s">
        <v>1072</v>
      </c>
      <c r="I14" s="17" t="s">
        <v>1179</v>
      </c>
      <c r="J14" s="18" t="s">
        <v>1078</v>
      </c>
    </row>
    <row r="15" spans="1:14" s="1" customFormat="1" ht="15" customHeight="1" x14ac:dyDescent="0.15">
      <c r="B15" s="19"/>
      <c r="C15" s="19"/>
      <c r="D15" s="19"/>
      <c r="E15" s="19"/>
      <c r="F15" s="19"/>
      <c r="G15" s="19"/>
      <c r="H15" s="19"/>
      <c r="I15" s="19"/>
      <c r="J15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8B4D01D-2BCE-4168-9567-FF105EE4EF8A}">
  <sheetPr>
    <pageSetUpPr fitToPage="1"/>
  </sheetPr>
  <dimension ref="A2:N24"/>
  <sheetViews>
    <sheetView workbookViewId="0">
      <pane xSplit="1" ySplit="3" topLeftCell="B13" activePane="bottomRight" state="frozen"/>
      <selection pane="topRight" activeCell="B1" sqref="B1"/>
      <selection pane="bottomLeft" activeCell="A4" sqref="A4"/>
      <selection pane="bottomRight" activeCell="C34" sqref="C3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9" s="1" customFormat="1" ht="13.5" customHeight="1" x14ac:dyDescent="0.15">
      <c r="A2" s="7" t="s">
        <v>1038</v>
      </c>
      <c r="B2" s="8" t="s">
        <v>689</v>
      </c>
      <c r="C2" s="9"/>
      <c r="D2" s="9"/>
      <c r="E2" s="9"/>
      <c r="F2" s="9"/>
      <c r="G2" s="10"/>
      <c r="H2" s="11"/>
      <c r="I2" s="12"/>
    </row>
    <row r="3" spans="1:9" s="1" customFormat="1" ht="13.5" customHeight="1" x14ac:dyDescent="0.15">
      <c r="A3" s="7" t="s">
        <v>1039</v>
      </c>
      <c r="B3" s="8" t="s">
        <v>690</v>
      </c>
      <c r="C3" s="9"/>
      <c r="D3" s="9"/>
      <c r="E3" s="9"/>
      <c r="F3" s="9"/>
      <c r="G3" s="10"/>
      <c r="H3" s="11"/>
      <c r="I3" s="12"/>
    </row>
    <row r="4" spans="1:9" s="1" customFormat="1" ht="13.5" customHeight="1" x14ac:dyDescent="0.15">
      <c r="A4" s="7" t="s">
        <v>7</v>
      </c>
      <c r="B4" s="8" t="s">
        <v>691</v>
      </c>
      <c r="C4" s="9"/>
      <c r="D4" s="9"/>
      <c r="E4" s="9"/>
      <c r="F4" s="9"/>
      <c r="G4" s="10"/>
      <c r="H4" s="11"/>
      <c r="I4" s="12"/>
    </row>
    <row r="5" spans="1:9" s="1" customFormat="1" ht="13.5" customHeight="1" x14ac:dyDescent="0.15">
      <c r="A5" s="7" t="s">
        <v>1040</v>
      </c>
      <c r="B5" s="8" t="s">
        <v>693</v>
      </c>
      <c r="C5" s="9"/>
      <c r="D5" s="9"/>
      <c r="E5" s="9"/>
      <c r="F5" s="9"/>
      <c r="G5" s="10"/>
      <c r="H5" s="11"/>
      <c r="I5" s="12"/>
    </row>
    <row r="6" spans="1:9" s="1" customFormat="1" ht="13.5" customHeight="1" x14ac:dyDescent="0.15">
      <c r="A6" s="7" t="s">
        <v>8</v>
      </c>
      <c r="B6" s="8" t="s">
        <v>692</v>
      </c>
      <c r="C6" s="9"/>
      <c r="D6" s="9"/>
      <c r="E6" s="9"/>
      <c r="F6" s="9"/>
      <c r="G6" s="10"/>
      <c r="H6" s="11"/>
      <c r="I6" s="12"/>
    </row>
    <row r="7" spans="1:9" s="1" customFormat="1" ht="13.5" customHeight="1" x14ac:dyDescent="0.15">
      <c r="A7" s="7" t="s">
        <v>10</v>
      </c>
      <c r="B7" s="8" t="s">
        <v>694</v>
      </c>
      <c r="C7" s="9"/>
      <c r="D7" s="9"/>
      <c r="E7" s="9"/>
      <c r="F7" s="9"/>
      <c r="G7" s="10"/>
      <c r="H7" s="11"/>
      <c r="I7" s="12"/>
    </row>
    <row r="8" spans="1:9" s="1" customFormat="1" ht="13.5" customHeight="1" x14ac:dyDescent="0.15">
      <c r="A8" s="7" t="s">
        <v>1041</v>
      </c>
      <c r="B8" s="8"/>
      <c r="C8" s="9"/>
      <c r="D8" s="9"/>
      <c r="E8" s="9"/>
      <c r="F8" s="9"/>
      <c r="G8" s="10"/>
      <c r="H8" s="11"/>
      <c r="I8" s="12"/>
    </row>
    <row r="9" spans="1:9" s="1" customFormat="1" ht="13.5" customHeight="1" x14ac:dyDescent="0.15">
      <c r="A9" s="7"/>
      <c r="B9" s="8"/>
      <c r="C9" s="9"/>
      <c r="D9" s="9"/>
      <c r="E9" s="9"/>
      <c r="F9" s="9"/>
      <c r="G9" s="10"/>
      <c r="H9" s="11"/>
      <c r="I9" s="12"/>
    </row>
    <row r="10" spans="1:9" s="1" customFormat="1" ht="13.5" customHeight="1" x14ac:dyDescent="0.15">
      <c r="A10" s="7" t="s">
        <v>1042</v>
      </c>
      <c r="B10" s="8" t="s">
        <v>695</v>
      </c>
      <c r="C10" s="9"/>
      <c r="D10" s="9"/>
      <c r="E10" s="9"/>
      <c r="F10" s="9"/>
      <c r="G10" s="10"/>
      <c r="H10" s="11"/>
      <c r="I10" s="12"/>
    </row>
    <row r="11" spans="1:9" s="1" customFormat="1" ht="13.5" customHeight="1" x14ac:dyDescent="0.15">
      <c r="A11" s="7" t="s">
        <v>1043</v>
      </c>
      <c r="B11" s="8" t="s">
        <v>45</v>
      </c>
      <c r="C11" s="9"/>
      <c r="D11" s="9"/>
      <c r="E11" s="9"/>
      <c r="F11" s="9"/>
      <c r="G11" s="10"/>
      <c r="H11" s="11"/>
      <c r="I11" s="12"/>
    </row>
    <row r="12" spans="1:9" s="1" customFormat="1" ht="13.5" customHeight="1" x14ac:dyDescent="0.15">
      <c r="A12" s="7"/>
      <c r="B12" s="8"/>
      <c r="C12" s="9"/>
      <c r="D12" s="9"/>
      <c r="E12" s="9"/>
      <c r="F12" s="9"/>
      <c r="G12" s="10"/>
      <c r="H12" s="11"/>
      <c r="I12" s="12"/>
    </row>
    <row r="13" spans="1:9" s="1" customFormat="1" ht="13.5" customHeight="1" x14ac:dyDescent="0.15">
      <c r="A13" s="13" t="s">
        <v>1044</v>
      </c>
      <c r="B13" s="14" t="s">
        <v>690</v>
      </c>
      <c r="C13" s="15"/>
      <c r="D13" s="15"/>
      <c r="E13" s="9"/>
      <c r="F13" s="9"/>
      <c r="G13" s="10"/>
      <c r="H13" s="11"/>
      <c r="I13" s="12"/>
    </row>
    <row r="14" spans="1:9" s="1" customFormat="1" ht="13.5" customHeight="1" x14ac:dyDescent="0.15">
      <c r="A14" s="13" t="s">
        <v>1045</v>
      </c>
      <c r="B14" s="14" t="s">
        <v>695</v>
      </c>
      <c r="C14" s="15"/>
      <c r="D14" s="15"/>
      <c r="E14" s="9"/>
      <c r="F14" s="9"/>
      <c r="G14" s="10"/>
      <c r="H14" s="11"/>
      <c r="I14" s="12"/>
    </row>
    <row r="15" spans="1:9" s="1" customFormat="1" ht="13.5" customHeight="1" x14ac:dyDescent="0.15">
      <c r="A15" s="13" t="s">
        <v>1046</v>
      </c>
      <c r="B15" s="14" t="s">
        <v>693</v>
      </c>
      <c r="C15" s="15"/>
      <c r="D15" s="15"/>
      <c r="E15" s="9"/>
      <c r="F15" s="9"/>
      <c r="G15" s="10"/>
      <c r="H15" s="11"/>
      <c r="I15" s="12"/>
    </row>
    <row r="16" spans="1:9" s="1" customFormat="1" ht="13.5" customHeight="1" x14ac:dyDescent="0.15">
      <c r="A16" s="13" t="s">
        <v>1047</v>
      </c>
      <c r="B16" s="14" t="s">
        <v>692</v>
      </c>
      <c r="C16" s="15"/>
      <c r="D16" s="15"/>
      <c r="E16" s="9"/>
      <c r="F16" s="9"/>
      <c r="G16" s="10"/>
      <c r="H16" s="11"/>
      <c r="I16" s="12"/>
    </row>
    <row r="17" spans="1:14" s="1" customFormat="1" ht="13.5" customHeight="1" x14ac:dyDescent="0.15">
      <c r="A17" s="13" t="s">
        <v>1048</v>
      </c>
      <c r="B17" s="14" t="s">
        <v>694</v>
      </c>
      <c r="C17" s="15"/>
      <c r="D17" s="15"/>
      <c r="E17" s="9"/>
      <c r="F17" s="9"/>
      <c r="G17" s="10"/>
      <c r="H17" s="11"/>
      <c r="I17" s="12"/>
    </row>
    <row r="20" spans="1:14" s="1" customFormat="1" ht="13.5" customHeight="1" x14ac:dyDescent="0.15">
      <c r="A20" s="16" t="s">
        <v>1065</v>
      </c>
      <c r="B20" s="17" t="s">
        <v>1066</v>
      </c>
      <c r="C20" s="17" t="s">
        <v>1067</v>
      </c>
      <c r="D20" s="17" t="s">
        <v>1068</v>
      </c>
      <c r="E20" s="17" t="s">
        <v>1069</v>
      </c>
      <c r="F20" s="17" t="s">
        <v>1070</v>
      </c>
      <c r="G20" s="17" t="s">
        <v>1071</v>
      </c>
      <c r="H20" s="17" t="s">
        <v>1072</v>
      </c>
      <c r="I20" s="17" t="s">
        <v>1073</v>
      </c>
      <c r="J20" s="17" t="s">
        <v>1074</v>
      </c>
      <c r="K20" s="17" t="s">
        <v>1075</v>
      </c>
      <c r="L20" s="17" t="s">
        <v>1076</v>
      </c>
      <c r="M20" s="17" t="s">
        <v>1077</v>
      </c>
      <c r="N20" s="18" t="s">
        <v>1078</v>
      </c>
    </row>
    <row r="21" spans="1:14" s="1" customFormat="1" ht="15" customHeight="1" x14ac:dyDescent="0.15">
      <c r="B21" s="19"/>
      <c r="C21" s="19"/>
      <c r="D21" s="19"/>
      <c r="E21" s="19"/>
      <c r="F21" s="19"/>
      <c r="G21" s="19"/>
      <c r="H21" s="19"/>
      <c r="I21" s="19"/>
      <c r="J21" s="19"/>
      <c r="K21" s="19"/>
      <c r="L21" s="19"/>
      <c r="M21" s="19"/>
      <c r="N21" s="19"/>
    </row>
    <row r="23" spans="1:14" s="1" customFormat="1" ht="15" customHeight="1" x14ac:dyDescent="0.15">
      <c r="A23" s="16" t="s">
        <v>1178</v>
      </c>
      <c r="B23" s="17" t="s">
        <v>1066</v>
      </c>
      <c r="C23" s="17" t="s">
        <v>1067</v>
      </c>
      <c r="D23" s="17" t="s">
        <v>1068</v>
      </c>
      <c r="E23" s="17" t="s">
        <v>1069</v>
      </c>
      <c r="F23" s="17" t="s">
        <v>1070</v>
      </c>
      <c r="G23" s="17" t="s">
        <v>1071</v>
      </c>
      <c r="H23" s="17" t="s">
        <v>1072</v>
      </c>
      <c r="I23" s="17" t="s">
        <v>1179</v>
      </c>
      <c r="J23" s="18" t="s">
        <v>1078</v>
      </c>
    </row>
    <row r="24" spans="1:14" s="1" customFormat="1" ht="15" customHeight="1" x14ac:dyDescent="0.15">
      <c r="B24" s="19"/>
      <c r="C24" s="19"/>
      <c r="D24" s="19"/>
      <c r="E24" s="19"/>
      <c r="F24" s="19"/>
      <c r="G24" s="19"/>
      <c r="H24" s="19"/>
      <c r="I24" s="19"/>
      <c r="J2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A31EB3-DA99-49BE-8C10-61AD8C85B558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31" sqref="C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69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69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9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69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9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0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11</v>
      </c>
      <c r="C11" s="19" t="s">
        <v>1180</v>
      </c>
      <c r="D11" s="19" t="s">
        <v>1180</v>
      </c>
      <c r="E11" s="19" t="s">
        <v>1081</v>
      </c>
      <c r="F11" s="19" t="s">
        <v>1564</v>
      </c>
      <c r="G11" s="19" t="s">
        <v>28</v>
      </c>
      <c r="H11" s="19" t="s">
        <v>28</v>
      </c>
      <c r="I11" s="19" t="s">
        <v>1216</v>
      </c>
      <c r="J11" s="19" t="s">
        <v>1087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34F2C47-769E-43E8-95DD-F73EC1019F1A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6" sqref="B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0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0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9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0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0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1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34</v>
      </c>
      <c r="C11" s="19" t="s">
        <v>1422</v>
      </c>
      <c r="D11" s="19" t="s">
        <v>1422</v>
      </c>
      <c r="E11" s="19" t="s">
        <v>1565</v>
      </c>
      <c r="F11" s="19" t="s">
        <v>1566</v>
      </c>
      <c r="G11" s="19" t="s">
        <v>28</v>
      </c>
      <c r="H11" s="19" t="s">
        <v>28</v>
      </c>
      <c r="I11" s="19" t="s">
        <v>28</v>
      </c>
      <c r="J11" s="19" t="s">
        <v>28</v>
      </c>
      <c r="K11" s="19" t="s">
        <v>1087</v>
      </c>
      <c r="L11" s="19" t="s">
        <v>1086</v>
      </c>
      <c r="M11" s="19" t="s">
        <v>1087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DADFF2-2459-4121-87B5-BBAE10367F49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3" sqref="B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1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1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15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1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1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7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567</v>
      </c>
      <c r="C14" s="19" t="s">
        <v>1080</v>
      </c>
      <c r="D14" s="19" t="s">
        <v>1080</v>
      </c>
      <c r="E14" s="19" t="s">
        <v>1081</v>
      </c>
      <c r="F14" s="19" t="s">
        <v>28</v>
      </c>
      <c r="G14" s="19" t="s">
        <v>1240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C445C9-C72D-4B65-AC67-610DA2EB053B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1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1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15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2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1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2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189</v>
      </c>
      <c r="C14" s="19" t="s">
        <v>1180</v>
      </c>
      <c r="D14" s="19" t="s">
        <v>1180</v>
      </c>
      <c r="E14" s="19" t="s">
        <v>1081</v>
      </c>
      <c r="F14" s="19" t="s">
        <v>1568</v>
      </c>
      <c r="G14" s="19" t="s">
        <v>28</v>
      </c>
      <c r="H14" s="19" t="s">
        <v>28</v>
      </c>
      <c r="I14" s="19" t="s">
        <v>28</v>
      </c>
      <c r="J14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BE9CD9-8F0F-477F-8708-09FB19034225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1" sqref="D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2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2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2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3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3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7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569</v>
      </c>
      <c r="C14" s="19" t="s">
        <v>1180</v>
      </c>
      <c r="D14" s="19" t="s">
        <v>1180</v>
      </c>
      <c r="E14" s="19" t="s">
        <v>1081</v>
      </c>
      <c r="F14" s="19" t="s">
        <v>1570</v>
      </c>
      <c r="G14" s="19" t="s">
        <v>28</v>
      </c>
      <c r="H14" s="19" t="s">
        <v>28</v>
      </c>
      <c r="I14" s="19" t="s">
        <v>28</v>
      </c>
      <c r="J14" s="19" t="s">
        <v>1571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79475BB-86B6-465C-AEA3-88118AC3D34B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F36" sqref="F3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3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3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2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3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3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3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572</v>
      </c>
      <c r="C11" s="19" t="s">
        <v>1180</v>
      </c>
      <c r="D11" s="19" t="s">
        <v>1180</v>
      </c>
      <c r="E11" s="19" t="s">
        <v>1081</v>
      </c>
      <c r="F11" s="19" t="s">
        <v>1568</v>
      </c>
      <c r="G11" s="19" t="s">
        <v>28</v>
      </c>
      <c r="H11" s="19" t="s">
        <v>28</v>
      </c>
      <c r="I11" s="19" t="s">
        <v>1122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573</v>
      </c>
      <c r="C12" s="19" t="s">
        <v>1180</v>
      </c>
      <c r="D12" s="19" t="s">
        <v>1180</v>
      </c>
      <c r="E12" s="19" t="s">
        <v>1081</v>
      </c>
      <c r="F12" s="19" t="s">
        <v>1574</v>
      </c>
      <c r="G12" s="19" t="s">
        <v>28</v>
      </c>
      <c r="H12" s="19" t="s">
        <v>28</v>
      </c>
      <c r="I12" s="19" t="s">
        <v>1113</v>
      </c>
      <c r="J12" s="19" t="s">
        <v>28</v>
      </c>
      <c r="K12" s="19" t="s">
        <v>1085</v>
      </c>
      <c r="L12" s="19" t="s">
        <v>1086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575</v>
      </c>
      <c r="C13" s="19" t="s">
        <v>1180</v>
      </c>
      <c r="D13" s="19" t="s">
        <v>1180</v>
      </c>
      <c r="E13" s="19" t="s">
        <v>1081</v>
      </c>
      <c r="F13" s="19" t="s">
        <v>1558</v>
      </c>
      <c r="G13" s="19" t="s">
        <v>28</v>
      </c>
      <c r="H13" s="19" t="s">
        <v>28</v>
      </c>
      <c r="I13" s="19" t="s">
        <v>1235</v>
      </c>
      <c r="J13" s="19" t="s">
        <v>28</v>
      </c>
      <c r="K13" s="19" t="s">
        <v>1085</v>
      </c>
      <c r="L13" s="19" t="s">
        <v>1086</v>
      </c>
      <c r="M13" s="19" t="s">
        <v>1087</v>
      </c>
      <c r="N13" s="19" t="s">
        <v>28</v>
      </c>
    </row>
    <row r="15" spans="1:14" s="1" customFormat="1" ht="15" customHeight="1" x14ac:dyDescent="0.15">
      <c r="A15" s="16" t="s">
        <v>1178</v>
      </c>
      <c r="B15" s="17" t="s">
        <v>1066</v>
      </c>
      <c r="C15" s="17" t="s">
        <v>1067</v>
      </c>
      <c r="D15" s="17" t="s">
        <v>1068</v>
      </c>
      <c r="E15" s="17" t="s">
        <v>1069</v>
      </c>
      <c r="F15" s="17" t="s">
        <v>1070</v>
      </c>
      <c r="G15" s="17" t="s">
        <v>1071</v>
      </c>
      <c r="H15" s="17" t="s">
        <v>1072</v>
      </c>
      <c r="I15" s="17" t="s">
        <v>1179</v>
      </c>
      <c r="J15" s="18" t="s">
        <v>1078</v>
      </c>
    </row>
    <row r="16" spans="1:14" s="1" customFormat="1" ht="15" customHeight="1" x14ac:dyDescent="0.15">
      <c r="B16" s="19"/>
      <c r="C16" s="19"/>
      <c r="D16" s="19"/>
      <c r="E16" s="19"/>
      <c r="F16" s="19"/>
      <c r="G16" s="19"/>
      <c r="H16" s="19"/>
      <c r="I16" s="19"/>
      <c r="J16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2CF2EE-2C1B-4E4B-827F-1D3D9A569F00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7" sqref="E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4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4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2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4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4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4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187</v>
      </c>
      <c r="C14" s="19" t="s">
        <v>1180</v>
      </c>
      <c r="D14" s="19" t="s">
        <v>1180</v>
      </c>
      <c r="E14" s="19" t="s">
        <v>1081</v>
      </c>
      <c r="F14" s="19" t="s">
        <v>1576</v>
      </c>
      <c r="G14" s="19" t="s">
        <v>28</v>
      </c>
      <c r="H14" s="19" t="s">
        <v>28</v>
      </c>
      <c r="I14" s="19" t="s">
        <v>28</v>
      </c>
      <c r="J14" s="19" t="s">
        <v>28</v>
      </c>
    </row>
    <row r="15" spans="1:14" s="1" customFormat="1" ht="15" customHeight="1" x14ac:dyDescent="0.15">
      <c r="B15" s="19" t="s">
        <v>1466</v>
      </c>
      <c r="C15" s="19" t="s">
        <v>1180</v>
      </c>
      <c r="D15" s="19" t="s">
        <v>1180</v>
      </c>
      <c r="E15" s="19" t="s">
        <v>1081</v>
      </c>
      <c r="F15" s="19" t="s">
        <v>1221</v>
      </c>
      <c r="G15" s="19" t="s">
        <v>28</v>
      </c>
      <c r="H15" s="19" t="s">
        <v>28</v>
      </c>
      <c r="I15" s="19" t="s">
        <v>28</v>
      </c>
      <c r="J15" s="19" t="s">
        <v>28</v>
      </c>
    </row>
    <row r="16" spans="1:14" s="1" customFormat="1" ht="15" customHeight="1" x14ac:dyDescent="0.15">
      <c r="B16" s="19" t="s">
        <v>1467</v>
      </c>
      <c r="C16" s="19" t="s">
        <v>1180</v>
      </c>
      <c r="D16" s="19" t="s">
        <v>1180</v>
      </c>
      <c r="E16" s="19" t="s">
        <v>1081</v>
      </c>
      <c r="F16" s="19" t="s">
        <v>28</v>
      </c>
      <c r="G16" s="19" t="s">
        <v>28</v>
      </c>
      <c r="H16" s="19" t="s">
        <v>28</v>
      </c>
      <c r="I16" s="19" t="s">
        <v>28</v>
      </c>
      <c r="J16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013F21-E41E-45B6-96CC-BC4736E4FA67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7" sqref="E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5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5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2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5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3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367</v>
      </c>
      <c r="C11" s="19" t="s">
        <v>1130</v>
      </c>
      <c r="D11" s="19" t="s">
        <v>1130</v>
      </c>
      <c r="E11" s="19" t="s">
        <v>1549</v>
      </c>
      <c r="F11" s="19" t="s">
        <v>1313</v>
      </c>
      <c r="G11" s="19" t="s">
        <v>28</v>
      </c>
      <c r="H11" s="19" t="s">
        <v>28</v>
      </c>
      <c r="I11" s="19" t="s">
        <v>1523</v>
      </c>
      <c r="J11" s="19" t="s">
        <v>28</v>
      </c>
      <c r="K11" s="19" t="s">
        <v>1087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368</v>
      </c>
      <c r="C12" s="19" t="s">
        <v>1130</v>
      </c>
      <c r="D12" s="19" t="s">
        <v>1130</v>
      </c>
      <c r="E12" s="19" t="s">
        <v>1081</v>
      </c>
      <c r="F12" s="19" t="s">
        <v>1110</v>
      </c>
      <c r="G12" s="19" t="s">
        <v>28</v>
      </c>
      <c r="H12" s="19" t="s">
        <v>28</v>
      </c>
      <c r="I12" s="19" t="s">
        <v>1523</v>
      </c>
      <c r="J12" s="19" t="s">
        <v>1197</v>
      </c>
      <c r="K12" s="19" t="s">
        <v>1087</v>
      </c>
      <c r="L12" s="19" t="s">
        <v>1086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370</v>
      </c>
      <c r="C13" s="19" t="s">
        <v>1130</v>
      </c>
      <c r="D13" s="19" t="s">
        <v>1130</v>
      </c>
      <c r="E13" s="19" t="s">
        <v>1081</v>
      </c>
      <c r="F13" s="19" t="s">
        <v>1110</v>
      </c>
      <c r="G13" s="19" t="s">
        <v>28</v>
      </c>
      <c r="H13" s="19" t="s">
        <v>28</v>
      </c>
      <c r="I13" s="19" t="s">
        <v>1577</v>
      </c>
      <c r="J13" s="19" t="s">
        <v>1197</v>
      </c>
      <c r="K13" s="19" t="s">
        <v>1087</v>
      </c>
      <c r="L13" s="19" t="s">
        <v>1086</v>
      </c>
      <c r="M13" s="19" t="s">
        <v>1087</v>
      </c>
      <c r="N13" s="19" t="s">
        <v>28</v>
      </c>
    </row>
    <row r="15" spans="1:14" s="1" customFormat="1" ht="15" customHeight="1" x14ac:dyDescent="0.15">
      <c r="A15" s="16" t="s">
        <v>1178</v>
      </c>
      <c r="B15" s="17" t="s">
        <v>1066</v>
      </c>
      <c r="C15" s="17" t="s">
        <v>1067</v>
      </c>
      <c r="D15" s="17" t="s">
        <v>1068</v>
      </c>
      <c r="E15" s="17" t="s">
        <v>1069</v>
      </c>
      <c r="F15" s="17" t="s">
        <v>1070</v>
      </c>
      <c r="G15" s="17" t="s">
        <v>1071</v>
      </c>
      <c r="H15" s="17" t="s">
        <v>1072</v>
      </c>
      <c r="I15" s="17" t="s">
        <v>1179</v>
      </c>
      <c r="J15" s="18" t="s">
        <v>1078</v>
      </c>
    </row>
    <row r="16" spans="1:14" s="1" customFormat="1" ht="15" customHeight="1" x14ac:dyDescent="0.15">
      <c r="B16" s="19"/>
      <c r="C16" s="19"/>
      <c r="D16" s="19"/>
      <c r="E16" s="19"/>
      <c r="F16" s="19"/>
      <c r="G16" s="19"/>
      <c r="H16" s="19"/>
      <c r="I16" s="19"/>
      <c r="J16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EEF7BD7-E46D-4942-88F1-D94F705486C1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6" sqref="E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9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9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9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7</v>
      </c>
      <c r="C11" s="19" t="s">
        <v>1180</v>
      </c>
      <c r="D11" s="19" t="s">
        <v>1180</v>
      </c>
      <c r="E11" s="19" t="s">
        <v>1081</v>
      </c>
      <c r="F11" s="19" t="s">
        <v>1188</v>
      </c>
      <c r="G11" s="19" t="s">
        <v>28</v>
      </c>
      <c r="H11" s="19" t="s">
        <v>28</v>
      </c>
      <c r="I11" s="19" t="s">
        <v>1186</v>
      </c>
      <c r="J11" s="19" t="s">
        <v>28</v>
      </c>
      <c r="K11" s="19" t="s">
        <v>1085</v>
      </c>
      <c r="L11" s="19" t="s">
        <v>1086</v>
      </c>
      <c r="M11" s="19" t="s">
        <v>1087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7D49FBA-B4D5-4D91-91C1-976CB67E371A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6" sqref="D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5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5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6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5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4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FE0B06-707E-4DB7-ADB5-621A18FFD833}">
  <sheetPr>
    <pageSetUpPr fitToPage="1"/>
  </sheetPr>
  <dimension ref="A2:N51"/>
  <sheetViews>
    <sheetView workbookViewId="0">
      <pane xSplit="1" ySplit="3" topLeftCell="B31" activePane="bottomRight" state="frozen"/>
      <selection pane="topRight" activeCell="B1" sqref="B1"/>
      <selection pane="bottomLeft" activeCell="A4" sqref="A4"/>
      <selection pane="bottomRight" activeCell="M53" sqref="M5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9" s="1" customFormat="1" ht="13.5" customHeight="1" x14ac:dyDescent="0.15">
      <c r="A2" s="7" t="s">
        <v>1038</v>
      </c>
      <c r="B2" s="8" t="s">
        <v>764</v>
      </c>
      <c r="C2" s="9"/>
      <c r="D2" s="9"/>
      <c r="E2" s="9"/>
      <c r="F2" s="9"/>
      <c r="G2" s="10"/>
      <c r="H2" s="11"/>
      <c r="I2" s="12"/>
    </row>
    <row r="3" spans="1:9" s="1" customFormat="1" ht="13.5" customHeight="1" x14ac:dyDescent="0.15">
      <c r="A3" s="7" t="s">
        <v>1039</v>
      </c>
      <c r="B3" s="8" t="s">
        <v>765</v>
      </c>
      <c r="C3" s="9"/>
      <c r="D3" s="9"/>
      <c r="E3" s="9"/>
      <c r="F3" s="9"/>
      <c r="G3" s="10"/>
      <c r="H3" s="11"/>
      <c r="I3" s="12"/>
    </row>
    <row r="4" spans="1:9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9" s="1" customFormat="1" ht="13.5" customHeight="1" x14ac:dyDescent="0.15">
      <c r="A5" s="7" t="s">
        <v>1040</v>
      </c>
      <c r="B5" s="8" t="s">
        <v>767</v>
      </c>
      <c r="C5" s="9"/>
      <c r="D5" s="9"/>
      <c r="E5" s="9"/>
      <c r="F5" s="9"/>
      <c r="G5" s="10"/>
      <c r="H5" s="11"/>
      <c r="I5" s="12"/>
    </row>
    <row r="6" spans="1:9" s="1" customFormat="1" ht="13.5" customHeight="1" x14ac:dyDescent="0.15">
      <c r="A6" s="7" t="s">
        <v>8</v>
      </c>
      <c r="B6" s="8" t="s">
        <v>766</v>
      </c>
      <c r="C6" s="9"/>
      <c r="D6" s="9"/>
      <c r="E6" s="9"/>
      <c r="F6" s="9"/>
      <c r="G6" s="10"/>
      <c r="H6" s="11"/>
      <c r="I6" s="12"/>
    </row>
    <row r="7" spans="1:9" s="1" customFormat="1" ht="13.5" customHeight="1" x14ac:dyDescent="0.15">
      <c r="A7" s="7" t="s">
        <v>10</v>
      </c>
      <c r="B7" s="8" t="s">
        <v>746</v>
      </c>
      <c r="C7" s="9"/>
      <c r="D7" s="9"/>
      <c r="E7" s="9"/>
      <c r="F7" s="9"/>
      <c r="G7" s="10"/>
      <c r="H7" s="11"/>
      <c r="I7" s="12"/>
    </row>
    <row r="8" spans="1:9" s="1" customFormat="1" ht="13.5" customHeight="1" x14ac:dyDescent="0.15">
      <c r="A8" s="7" t="s">
        <v>1041</v>
      </c>
      <c r="B8" s="8"/>
      <c r="C8" s="9"/>
      <c r="D8" s="9"/>
      <c r="E8" s="9"/>
      <c r="F8" s="9"/>
      <c r="G8" s="10"/>
      <c r="H8" s="11"/>
      <c r="I8" s="12"/>
    </row>
    <row r="9" spans="1:9" s="1" customFormat="1" ht="13.5" customHeight="1" x14ac:dyDescent="0.15">
      <c r="A9" s="7"/>
      <c r="B9" s="8"/>
      <c r="C9" s="9"/>
      <c r="D9" s="9"/>
      <c r="E9" s="9"/>
      <c r="F9" s="9"/>
      <c r="G9" s="10"/>
      <c r="H9" s="11"/>
      <c r="I9" s="12"/>
    </row>
    <row r="10" spans="1:9" s="1" customFormat="1" ht="13.5" customHeight="1" x14ac:dyDescent="0.15">
      <c r="A10" s="7" t="s">
        <v>1042</v>
      </c>
      <c r="B10" s="8" t="s">
        <v>748</v>
      </c>
      <c r="C10" s="9"/>
      <c r="D10" s="9"/>
      <c r="E10" s="9"/>
      <c r="F10" s="9"/>
      <c r="G10" s="10"/>
      <c r="H10" s="11"/>
      <c r="I10" s="12"/>
    </row>
    <row r="11" spans="1:9" s="1" customFormat="1" ht="13.5" customHeight="1" x14ac:dyDescent="0.15">
      <c r="A11" s="7" t="s">
        <v>1043</v>
      </c>
      <c r="B11" s="8" t="s">
        <v>747</v>
      </c>
      <c r="C11" s="9"/>
      <c r="D11" s="9"/>
      <c r="E11" s="9"/>
      <c r="F11" s="9"/>
      <c r="G11" s="10"/>
      <c r="H11" s="11"/>
      <c r="I11" s="12"/>
    </row>
    <row r="12" spans="1:9" s="1" customFormat="1" ht="13.5" customHeight="1" x14ac:dyDescent="0.15">
      <c r="A12" s="7"/>
      <c r="B12" s="8"/>
      <c r="C12" s="9"/>
      <c r="D12" s="9"/>
      <c r="E12" s="9"/>
      <c r="F12" s="9"/>
      <c r="G12" s="10"/>
      <c r="H12" s="11"/>
      <c r="I12" s="12"/>
    </row>
    <row r="13" spans="1:9" s="1" customFormat="1" ht="13.5" customHeight="1" x14ac:dyDescent="0.15">
      <c r="A13" s="13" t="s">
        <v>1044</v>
      </c>
      <c r="B13" s="14" t="s">
        <v>749</v>
      </c>
      <c r="C13" s="15"/>
      <c r="D13" s="15"/>
      <c r="E13" s="9"/>
      <c r="F13" s="9"/>
      <c r="G13" s="10"/>
      <c r="H13" s="11"/>
      <c r="I13" s="12"/>
    </row>
    <row r="14" spans="1:9" s="1" customFormat="1" ht="13.5" customHeight="1" x14ac:dyDescent="0.15">
      <c r="A14" s="13" t="s">
        <v>1045</v>
      </c>
      <c r="B14" s="14" t="s">
        <v>750</v>
      </c>
      <c r="C14" s="15"/>
      <c r="D14" s="15"/>
      <c r="E14" s="9"/>
      <c r="F14" s="9"/>
      <c r="G14" s="10"/>
      <c r="H14" s="11"/>
      <c r="I14" s="12"/>
    </row>
    <row r="15" spans="1:9" s="1" customFormat="1" ht="13.5" customHeight="1" x14ac:dyDescent="0.15">
      <c r="A15" s="13" t="s">
        <v>1046</v>
      </c>
      <c r="B15" s="14" t="s">
        <v>762</v>
      </c>
      <c r="C15" s="15"/>
      <c r="D15" s="15"/>
      <c r="E15" s="9"/>
      <c r="F15" s="9"/>
      <c r="G15" s="10"/>
      <c r="H15" s="11"/>
      <c r="I15" s="12"/>
    </row>
    <row r="16" spans="1:9" s="1" customFormat="1" ht="13.5" customHeight="1" x14ac:dyDescent="0.15">
      <c r="A16" s="13" t="s">
        <v>1047</v>
      </c>
      <c r="B16" s="14" t="s">
        <v>761</v>
      </c>
      <c r="C16" s="15"/>
      <c r="D16" s="15"/>
      <c r="E16" s="9"/>
      <c r="F16" s="9"/>
      <c r="G16" s="10"/>
      <c r="H16" s="11"/>
      <c r="I16" s="12"/>
    </row>
    <row r="17" spans="1:9" s="1" customFormat="1" ht="13.5" customHeight="1" x14ac:dyDescent="0.15">
      <c r="A17" s="13" t="s">
        <v>1048</v>
      </c>
      <c r="B17" s="14" t="s">
        <v>746</v>
      </c>
      <c r="C17" s="15"/>
      <c r="D17" s="15"/>
      <c r="E17" s="9"/>
      <c r="F17" s="9"/>
      <c r="G17" s="10"/>
      <c r="H17" s="11"/>
      <c r="I17" s="12"/>
    </row>
    <row r="18" spans="1:9" s="1" customFormat="1" ht="13.5" customHeight="1" x14ac:dyDescent="0.15">
      <c r="A18" s="13" t="s">
        <v>1049</v>
      </c>
      <c r="B18" s="14" t="s">
        <v>28</v>
      </c>
      <c r="C18" s="15"/>
      <c r="D18" s="15"/>
      <c r="E18" s="9"/>
      <c r="F18" s="9"/>
      <c r="G18" s="10"/>
      <c r="H18" s="11"/>
      <c r="I18" s="12"/>
    </row>
    <row r="19" spans="1:9" s="1" customFormat="1" ht="13.5" customHeight="1" x14ac:dyDescent="0.15">
      <c r="A19" s="13" t="s">
        <v>1050</v>
      </c>
      <c r="B19" s="14" t="s">
        <v>763</v>
      </c>
      <c r="C19" s="15"/>
      <c r="D19" s="15"/>
      <c r="E19" s="9"/>
      <c r="F19" s="9"/>
      <c r="G19" s="10"/>
      <c r="H19" s="11"/>
      <c r="I19" s="12"/>
    </row>
    <row r="20" spans="1:9" s="1" customFormat="1" ht="13.5" customHeight="1" x14ac:dyDescent="0.15">
      <c r="A20" s="13" t="s">
        <v>1051</v>
      </c>
      <c r="B20" s="14" t="s">
        <v>28</v>
      </c>
      <c r="C20" s="15"/>
      <c r="D20" s="15"/>
      <c r="E20" s="9"/>
      <c r="F20" s="9"/>
      <c r="G20" s="10"/>
      <c r="H20" s="11"/>
      <c r="I20" s="12"/>
    </row>
    <row r="21" spans="1:9" s="1" customFormat="1" ht="13.5" customHeight="1" x14ac:dyDescent="0.15">
      <c r="A21" s="13"/>
      <c r="B21" s="14"/>
      <c r="C21" s="15"/>
      <c r="D21" s="15"/>
      <c r="E21" s="9"/>
      <c r="F21" s="9"/>
      <c r="G21" s="10"/>
      <c r="H21" s="11"/>
      <c r="I21" s="12"/>
    </row>
    <row r="22" spans="1:9" s="1" customFormat="1" ht="13.5" customHeight="1" x14ac:dyDescent="0.15">
      <c r="A22" s="7" t="s">
        <v>1052</v>
      </c>
      <c r="B22" s="8" t="s">
        <v>1578</v>
      </c>
      <c r="C22" s="9"/>
      <c r="D22" s="9"/>
      <c r="E22" s="9"/>
      <c r="F22" s="9"/>
      <c r="G22" s="10"/>
      <c r="H22" s="11"/>
      <c r="I22" s="12"/>
    </row>
    <row r="23" spans="1:9" s="1" customFormat="1" ht="13.5" customHeight="1" x14ac:dyDescent="0.15">
      <c r="A23" s="7"/>
      <c r="B23" s="8"/>
      <c r="C23" s="9"/>
      <c r="D23" s="9"/>
      <c r="E23" s="9"/>
      <c r="F23" s="9"/>
      <c r="G23" s="10"/>
      <c r="H23" s="11"/>
      <c r="I23" s="12"/>
    </row>
    <row r="24" spans="1:9" s="1" customFormat="1" ht="13.5" customHeight="1" x14ac:dyDescent="0.15">
      <c r="A24" s="7" t="s">
        <v>1053</v>
      </c>
      <c r="B24" s="8"/>
      <c r="C24" s="9"/>
      <c r="D24" s="9"/>
      <c r="E24" s="9"/>
      <c r="F24" s="9"/>
      <c r="G24" s="10"/>
      <c r="H24" s="11"/>
      <c r="I24" s="12"/>
    </row>
    <row r="25" spans="1:9" s="1" customFormat="1" ht="13.5" customHeight="1" x14ac:dyDescent="0.15">
      <c r="A25" s="7" t="s">
        <v>1054</v>
      </c>
      <c r="B25" s="8"/>
      <c r="C25" s="9"/>
      <c r="D25" s="9"/>
      <c r="E25" s="9"/>
      <c r="F25" s="9"/>
      <c r="G25" s="10"/>
      <c r="H25" s="11"/>
      <c r="I25" s="12"/>
    </row>
    <row r="26" spans="1:9" s="1" customFormat="1" ht="13.5" customHeight="1" x14ac:dyDescent="0.15">
      <c r="A26" s="7" t="s">
        <v>1055</v>
      </c>
      <c r="B26" s="8"/>
      <c r="C26" s="9"/>
      <c r="D26" s="9"/>
      <c r="E26" s="9"/>
      <c r="F26" s="9"/>
      <c r="G26" s="10"/>
      <c r="H26" s="11"/>
      <c r="I26" s="12"/>
    </row>
    <row r="27" spans="1:9" s="1" customFormat="1" ht="13.5" customHeight="1" x14ac:dyDescent="0.15">
      <c r="A27" s="7" t="s">
        <v>1056</v>
      </c>
      <c r="B27" s="8"/>
      <c r="C27" s="9"/>
      <c r="D27" s="9"/>
      <c r="E27" s="9"/>
      <c r="F27" s="9"/>
      <c r="G27" s="10"/>
      <c r="H27" s="11"/>
      <c r="I27" s="12"/>
    </row>
    <row r="28" spans="1:9" s="1" customFormat="1" ht="13.5" customHeight="1" x14ac:dyDescent="0.15">
      <c r="A28" s="7" t="s">
        <v>1057</v>
      </c>
      <c r="B28" s="8"/>
      <c r="C28" s="9"/>
      <c r="D28" s="9"/>
      <c r="E28" s="9"/>
      <c r="F28" s="9"/>
      <c r="G28" s="10"/>
      <c r="H28" s="11"/>
      <c r="I28" s="12"/>
    </row>
    <row r="29" spans="1:9" s="1" customFormat="1" ht="13.5" customHeight="1" x14ac:dyDescent="0.15">
      <c r="A29" s="7" t="s">
        <v>1058</v>
      </c>
      <c r="B29" s="8"/>
      <c r="C29" s="9"/>
      <c r="D29" s="9"/>
      <c r="E29" s="9"/>
      <c r="F29" s="9"/>
      <c r="G29" s="10"/>
      <c r="H29" s="11"/>
      <c r="I29" s="12"/>
    </row>
    <row r="30" spans="1:9" s="1" customFormat="1" ht="13.5" customHeight="1" x14ac:dyDescent="0.15">
      <c r="A30" s="7"/>
      <c r="B30" s="8"/>
      <c r="C30" s="9"/>
      <c r="D30" s="9"/>
      <c r="E30" s="9"/>
      <c r="F30" s="9"/>
      <c r="G30" s="10"/>
      <c r="H30" s="11"/>
      <c r="I30" s="12"/>
    </row>
    <row r="31" spans="1:9" s="1" customFormat="1" ht="13.5" customHeight="1" x14ac:dyDescent="0.15">
      <c r="A31" s="7" t="s">
        <v>1059</v>
      </c>
      <c r="B31" s="8"/>
      <c r="C31" s="9"/>
      <c r="D31" s="9"/>
      <c r="E31" s="9"/>
      <c r="F31" s="9"/>
      <c r="G31" s="10"/>
      <c r="H31" s="11"/>
      <c r="I31" s="12"/>
    </row>
    <row r="32" spans="1:9" s="1" customFormat="1" ht="13.5" customHeight="1" x14ac:dyDescent="0.15">
      <c r="A32" s="7" t="s">
        <v>1054</v>
      </c>
      <c r="B32" s="8"/>
      <c r="C32" s="9"/>
      <c r="D32" s="9"/>
      <c r="E32" s="9"/>
      <c r="F32" s="9"/>
      <c r="G32" s="10"/>
      <c r="H32" s="11"/>
      <c r="I32" s="12"/>
    </row>
    <row r="33" spans="1:14" s="1" customFormat="1" ht="13.5" customHeight="1" x14ac:dyDescent="0.15">
      <c r="A33" s="7" t="s">
        <v>1055</v>
      </c>
      <c r="B33" s="8"/>
      <c r="C33" s="9"/>
      <c r="D33" s="9"/>
      <c r="E33" s="9"/>
      <c r="F33" s="9"/>
      <c r="G33" s="10"/>
      <c r="H33" s="11"/>
      <c r="I33" s="12"/>
    </row>
    <row r="34" spans="1:14" s="1" customFormat="1" ht="13.5" customHeight="1" x14ac:dyDescent="0.15">
      <c r="A34" s="7" t="s">
        <v>1056</v>
      </c>
      <c r="B34" s="8"/>
      <c r="C34" s="9"/>
      <c r="D34" s="9"/>
      <c r="E34" s="9"/>
      <c r="F34" s="9"/>
      <c r="G34" s="10"/>
      <c r="H34" s="11"/>
      <c r="I34" s="12"/>
    </row>
    <row r="35" spans="1:14" s="1" customFormat="1" ht="13.5" customHeight="1" x14ac:dyDescent="0.15">
      <c r="A35" s="7" t="s">
        <v>1057</v>
      </c>
      <c r="B35" s="8"/>
      <c r="C35" s="9"/>
      <c r="D35" s="9"/>
      <c r="E35" s="9"/>
      <c r="F35" s="9"/>
      <c r="G35" s="10"/>
      <c r="H35" s="11"/>
      <c r="I35" s="12"/>
    </row>
    <row r="36" spans="1:14" s="1" customFormat="1" ht="13.5" customHeight="1" x14ac:dyDescent="0.15">
      <c r="A36" s="7" t="s">
        <v>1058</v>
      </c>
      <c r="B36" s="8"/>
      <c r="C36" s="9"/>
      <c r="D36" s="9"/>
      <c r="E36" s="9"/>
      <c r="F36" s="9"/>
      <c r="G36" s="10"/>
      <c r="H36" s="11"/>
      <c r="I36" s="12"/>
    </row>
    <row r="37" spans="1:14" s="1" customFormat="1" ht="13.5" customHeight="1" x14ac:dyDescent="0.15">
      <c r="A37" s="7"/>
      <c r="B37" s="8"/>
      <c r="C37" s="9"/>
      <c r="D37" s="9"/>
      <c r="E37" s="9"/>
      <c r="F37" s="9"/>
      <c r="G37" s="10"/>
      <c r="H37" s="11"/>
      <c r="I37" s="12"/>
    </row>
    <row r="38" spans="1:14" s="1" customFormat="1" ht="13.5" customHeight="1" x14ac:dyDescent="0.15">
      <c r="A38" s="7" t="s">
        <v>1060</v>
      </c>
      <c r="B38" s="8"/>
      <c r="C38" s="9"/>
      <c r="D38" s="9"/>
      <c r="E38" s="9"/>
      <c r="F38" s="9"/>
      <c r="G38" s="10"/>
      <c r="H38" s="11"/>
      <c r="I38" s="12"/>
    </row>
    <row r="39" spans="1:14" s="1" customFormat="1" ht="13.5" customHeight="1" x14ac:dyDescent="0.15">
      <c r="A39" s="7" t="s">
        <v>1061</v>
      </c>
      <c r="B39" s="8" t="s">
        <v>765</v>
      </c>
      <c r="C39" s="9"/>
      <c r="D39" s="9"/>
      <c r="E39" s="9"/>
      <c r="F39" s="9"/>
      <c r="G39" s="10"/>
      <c r="H39" s="11"/>
      <c r="I39" s="12"/>
    </row>
    <row r="40" spans="1:14" s="1" customFormat="1" ht="13.5" customHeight="1" x14ac:dyDescent="0.15">
      <c r="A40" s="7" t="s">
        <v>1062</v>
      </c>
      <c r="B40" s="8" t="s">
        <v>767</v>
      </c>
      <c r="C40" s="9"/>
      <c r="D40" s="9"/>
      <c r="E40" s="9"/>
      <c r="F40" s="9"/>
      <c r="G40" s="10"/>
      <c r="H40" s="11"/>
      <c r="I40" s="12"/>
    </row>
    <row r="41" spans="1:14" s="1" customFormat="1" ht="13.5" customHeight="1" x14ac:dyDescent="0.15">
      <c r="A41" s="7" t="s">
        <v>1063</v>
      </c>
      <c r="B41" s="8" t="s">
        <v>766</v>
      </c>
      <c r="C41" s="9"/>
      <c r="D41" s="9"/>
      <c r="E41" s="9"/>
      <c r="F41" s="9"/>
      <c r="G41" s="10"/>
      <c r="H41" s="11"/>
      <c r="I41" s="12"/>
    </row>
    <row r="42" spans="1:14" s="1" customFormat="1" ht="13.5" customHeight="1" x14ac:dyDescent="0.15">
      <c r="A42" s="7" t="s">
        <v>17</v>
      </c>
      <c r="B42" s="8" t="s">
        <v>748</v>
      </c>
      <c r="C42" s="9"/>
      <c r="D42" s="9"/>
      <c r="E42" s="9"/>
      <c r="F42" s="9"/>
      <c r="G42" s="10"/>
      <c r="H42" s="11"/>
      <c r="I42" s="12"/>
    </row>
    <row r="43" spans="1:14" s="1" customFormat="1" ht="13.5" customHeight="1" x14ac:dyDescent="0.15">
      <c r="A43" s="7" t="s">
        <v>1064</v>
      </c>
      <c r="B43" s="8" t="s">
        <v>746</v>
      </c>
      <c r="C43" s="9"/>
      <c r="D43" s="9"/>
      <c r="E43" s="9"/>
      <c r="F43" s="9"/>
      <c r="G43" s="10"/>
      <c r="H43" s="11"/>
      <c r="I43" s="12"/>
    </row>
    <row r="44" spans="1:14" s="1" customFormat="1" ht="13.5" customHeight="1" x14ac:dyDescent="0.15">
      <c r="A44" s="7"/>
      <c r="B44" s="8"/>
      <c r="C44" s="9"/>
      <c r="D44" s="9"/>
      <c r="E44" s="9"/>
      <c r="F44" s="9"/>
      <c r="G44" s="10"/>
      <c r="H44" s="11"/>
      <c r="I44" s="12"/>
    </row>
    <row r="47" spans="1:14" s="1" customFormat="1" ht="13.5" customHeight="1" x14ac:dyDescent="0.15">
      <c r="A47" s="16" t="s">
        <v>1065</v>
      </c>
      <c r="B47" s="17" t="s">
        <v>1066</v>
      </c>
      <c r="C47" s="17" t="s">
        <v>1067</v>
      </c>
      <c r="D47" s="17" t="s">
        <v>1068</v>
      </c>
      <c r="E47" s="17" t="s">
        <v>1069</v>
      </c>
      <c r="F47" s="17" t="s">
        <v>1070</v>
      </c>
      <c r="G47" s="17" t="s">
        <v>1071</v>
      </c>
      <c r="H47" s="17" t="s">
        <v>1072</v>
      </c>
      <c r="I47" s="17" t="s">
        <v>1073</v>
      </c>
      <c r="J47" s="17" t="s">
        <v>1074</v>
      </c>
      <c r="K47" s="17" t="s">
        <v>1075</v>
      </c>
      <c r="L47" s="17" t="s">
        <v>1076</v>
      </c>
      <c r="M47" s="17" t="s">
        <v>1077</v>
      </c>
      <c r="N47" s="18" t="s">
        <v>1078</v>
      </c>
    </row>
    <row r="48" spans="1:14" s="1" customFormat="1" ht="15" customHeight="1" x14ac:dyDescent="0.15">
      <c r="B48" s="19"/>
      <c r="C48" s="19"/>
      <c r="D48" s="19"/>
      <c r="E48" s="19"/>
      <c r="F48" s="19"/>
      <c r="G48" s="19"/>
      <c r="H48" s="19"/>
      <c r="I48" s="19"/>
      <c r="J48" s="19"/>
      <c r="K48" s="19"/>
      <c r="L48" s="19"/>
      <c r="M48" s="19"/>
      <c r="N48" s="19"/>
    </row>
    <row r="50" spans="1:10" s="1" customFormat="1" ht="15" customHeight="1" x14ac:dyDescent="0.15">
      <c r="A50" s="16" t="s">
        <v>1178</v>
      </c>
      <c r="B50" s="17" t="s">
        <v>1066</v>
      </c>
      <c r="C50" s="17" t="s">
        <v>1067</v>
      </c>
      <c r="D50" s="17" t="s">
        <v>1068</v>
      </c>
      <c r="E50" s="17" t="s">
        <v>1069</v>
      </c>
      <c r="F50" s="17" t="s">
        <v>1070</v>
      </c>
      <c r="G50" s="17" t="s">
        <v>1071</v>
      </c>
      <c r="H50" s="17" t="s">
        <v>1072</v>
      </c>
      <c r="I50" s="17" t="s">
        <v>1179</v>
      </c>
      <c r="J50" s="18" t="s">
        <v>1078</v>
      </c>
    </row>
    <row r="51" spans="1:10" s="1" customFormat="1" ht="15" customHeight="1" x14ac:dyDescent="0.15">
      <c r="B51" s="19"/>
      <c r="C51" s="19"/>
      <c r="D51" s="19"/>
      <c r="E51" s="19"/>
      <c r="F51" s="19"/>
      <c r="G51" s="19"/>
      <c r="H51" s="19"/>
      <c r="I51" s="19"/>
      <c r="J51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E5BFD4-BD50-4530-A9B5-302CB18F8277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9" sqref="E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6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6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7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6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4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40F4AA6-079C-4CCE-B521-1E4C310C09FA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5" sqref="E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7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7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7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7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7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4</v>
      </c>
      <c r="C11" s="19" t="s">
        <v>1180</v>
      </c>
      <c r="D11" s="19" t="s">
        <v>1180</v>
      </c>
      <c r="E11" s="19" t="s">
        <v>1081</v>
      </c>
      <c r="F11" s="19" t="s">
        <v>1470</v>
      </c>
      <c r="G11" s="19" t="s">
        <v>1579</v>
      </c>
      <c r="H11" s="19" t="s">
        <v>28</v>
      </c>
      <c r="I11" s="19" t="s">
        <v>1113</v>
      </c>
      <c r="J11" s="19" t="s">
        <v>28</v>
      </c>
      <c r="K11" s="19" t="s">
        <v>1222</v>
      </c>
      <c r="L11" s="19" t="s">
        <v>1086</v>
      </c>
      <c r="M11" s="19" t="s">
        <v>1223</v>
      </c>
      <c r="N11" s="19" t="s">
        <v>1580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99FFF5-85E3-4C96-90CB-A9798ABF1D26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7" sqref="D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8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8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8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6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8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220</v>
      </c>
      <c r="C14" s="19" t="s">
        <v>1180</v>
      </c>
      <c r="D14" s="19" t="s">
        <v>1180</v>
      </c>
      <c r="E14" s="19" t="s">
        <v>1081</v>
      </c>
      <c r="F14" s="19" t="s">
        <v>1234</v>
      </c>
      <c r="G14" s="19" t="s">
        <v>28</v>
      </c>
      <c r="H14" s="19" t="s">
        <v>28</v>
      </c>
      <c r="I14" s="19" t="s">
        <v>28</v>
      </c>
      <c r="J14" s="19" t="s">
        <v>1581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A38EE2-C2CA-41AD-9946-96F479817AF5}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1" sqref="E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8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8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9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2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9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02</v>
      </c>
      <c r="C11" s="19" t="s">
        <v>1180</v>
      </c>
      <c r="D11" s="19" t="s">
        <v>1180</v>
      </c>
      <c r="E11" s="19" t="s">
        <v>1081</v>
      </c>
      <c r="F11" s="19" t="s">
        <v>1364</v>
      </c>
      <c r="G11" s="19" t="s">
        <v>28</v>
      </c>
      <c r="H11" s="19" t="s">
        <v>28</v>
      </c>
      <c r="I11" s="19" t="s">
        <v>1216</v>
      </c>
      <c r="J11" s="19" t="s">
        <v>28</v>
      </c>
      <c r="K11" s="19" t="s">
        <v>1085</v>
      </c>
      <c r="L11" s="19" t="s">
        <v>1086</v>
      </c>
      <c r="M11" s="19" t="s">
        <v>1223</v>
      </c>
      <c r="N11" s="19" t="s">
        <v>28</v>
      </c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/>
      <c r="C14" s="19"/>
      <c r="D14" s="19"/>
      <c r="E14" s="19"/>
      <c r="F14" s="19"/>
      <c r="G14" s="19"/>
      <c r="H14" s="19"/>
      <c r="I14" s="19"/>
      <c r="J14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3C8E90-D4CC-42FD-A656-462EBBDF07BD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5" sqref="C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79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79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79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2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9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 t="s">
        <v>1187</v>
      </c>
      <c r="C11" s="19" t="s">
        <v>1180</v>
      </c>
      <c r="D11" s="19" t="s">
        <v>1180</v>
      </c>
      <c r="E11" s="19" t="s">
        <v>1081</v>
      </c>
      <c r="F11" s="19" t="s">
        <v>1582</v>
      </c>
      <c r="G11" s="19" t="s">
        <v>28</v>
      </c>
      <c r="H11" s="19" t="s">
        <v>28</v>
      </c>
      <c r="I11" s="19" t="s">
        <v>1493</v>
      </c>
      <c r="J11" s="19" t="s">
        <v>28</v>
      </c>
      <c r="K11" s="19" t="s">
        <v>1087</v>
      </c>
      <c r="L11" s="19" t="s">
        <v>1086</v>
      </c>
      <c r="M11" s="19" t="s">
        <v>1087</v>
      </c>
      <c r="N11" s="19" t="s">
        <v>28</v>
      </c>
    </row>
    <row r="12" spans="1:14" s="1" customFormat="1" ht="15" customHeight="1" x14ac:dyDescent="0.15">
      <c r="B12" s="19" t="s">
        <v>1466</v>
      </c>
      <c r="C12" s="19" t="s">
        <v>1180</v>
      </c>
      <c r="D12" s="19" t="s">
        <v>1180</v>
      </c>
      <c r="E12" s="19" t="s">
        <v>1081</v>
      </c>
      <c r="F12" s="19" t="s">
        <v>1544</v>
      </c>
      <c r="G12" s="19" t="s">
        <v>28</v>
      </c>
      <c r="H12" s="19" t="s">
        <v>28</v>
      </c>
      <c r="I12" s="19" t="s">
        <v>1119</v>
      </c>
      <c r="J12" s="19" t="s">
        <v>1237</v>
      </c>
      <c r="K12" s="19" t="s">
        <v>1087</v>
      </c>
      <c r="L12" s="19" t="s">
        <v>1086</v>
      </c>
      <c r="M12" s="19" t="s">
        <v>1087</v>
      </c>
      <c r="N12" s="19" t="s">
        <v>28</v>
      </c>
    </row>
    <row r="13" spans="1:14" s="1" customFormat="1" ht="15" customHeight="1" x14ac:dyDescent="0.15">
      <c r="B13" s="19" t="s">
        <v>1467</v>
      </c>
      <c r="C13" s="19" t="s">
        <v>1180</v>
      </c>
      <c r="D13" s="19" t="s">
        <v>1180</v>
      </c>
      <c r="E13" s="19" t="s">
        <v>1081</v>
      </c>
      <c r="F13" s="19" t="s">
        <v>1555</v>
      </c>
      <c r="G13" s="19" t="s">
        <v>28</v>
      </c>
      <c r="H13" s="19" t="s">
        <v>28</v>
      </c>
      <c r="I13" s="19" t="s">
        <v>1235</v>
      </c>
      <c r="J13" s="19" t="s">
        <v>1237</v>
      </c>
      <c r="K13" s="19" t="s">
        <v>1087</v>
      </c>
      <c r="L13" s="19" t="s">
        <v>1086</v>
      </c>
      <c r="M13" s="19" t="s">
        <v>1087</v>
      </c>
      <c r="N13" s="19" t="s">
        <v>28</v>
      </c>
    </row>
    <row r="15" spans="1:14" s="1" customFormat="1" ht="15" customHeight="1" x14ac:dyDescent="0.15">
      <c r="A15" s="16" t="s">
        <v>1178</v>
      </c>
      <c r="B15" s="17" t="s">
        <v>1066</v>
      </c>
      <c r="C15" s="17" t="s">
        <v>1067</v>
      </c>
      <c r="D15" s="17" t="s">
        <v>1068</v>
      </c>
      <c r="E15" s="17" t="s">
        <v>1069</v>
      </c>
      <c r="F15" s="17" t="s">
        <v>1070</v>
      </c>
      <c r="G15" s="17" t="s">
        <v>1071</v>
      </c>
      <c r="H15" s="17" t="s">
        <v>1072</v>
      </c>
      <c r="I15" s="17" t="s">
        <v>1179</v>
      </c>
      <c r="J15" s="18" t="s">
        <v>1078</v>
      </c>
    </row>
    <row r="16" spans="1:14" s="1" customFormat="1" ht="15" customHeight="1" x14ac:dyDescent="0.15">
      <c r="B16" s="19"/>
      <c r="C16" s="19"/>
      <c r="D16" s="19"/>
      <c r="E16" s="19"/>
      <c r="F16" s="19"/>
      <c r="G16" s="19"/>
      <c r="H16" s="19"/>
      <c r="I16" s="19"/>
      <c r="J16" s="19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A20337-0221-4E12-83DE-585F0ED78112}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1" sqref="B2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0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0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0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0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4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187</v>
      </c>
      <c r="C14" s="19" t="s">
        <v>1080</v>
      </c>
      <c r="D14" s="19" t="s">
        <v>1080</v>
      </c>
      <c r="E14" s="19" t="s">
        <v>1081</v>
      </c>
      <c r="F14" s="19" t="s">
        <v>28</v>
      </c>
      <c r="G14" s="19" t="s">
        <v>28</v>
      </c>
      <c r="H14" s="19" t="s">
        <v>28</v>
      </c>
      <c r="I14" s="19" t="s">
        <v>28</v>
      </c>
      <c r="J14" s="19" t="s">
        <v>28</v>
      </c>
    </row>
    <row r="15" spans="1:14" s="1" customFormat="1" ht="15" customHeight="1" x14ac:dyDescent="0.15">
      <c r="B15" s="19" t="s">
        <v>1466</v>
      </c>
      <c r="C15" s="19" t="s">
        <v>1080</v>
      </c>
      <c r="D15" s="19" t="s">
        <v>1080</v>
      </c>
      <c r="E15" s="19" t="s">
        <v>1081</v>
      </c>
      <c r="F15" s="19" t="s">
        <v>28</v>
      </c>
      <c r="G15" s="19" t="s">
        <v>28</v>
      </c>
      <c r="H15" s="19" t="s">
        <v>28</v>
      </c>
      <c r="I15" s="19" t="s">
        <v>28</v>
      </c>
      <c r="J15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CCF23A1-2C82-4B65-8B5D-DEFF5C303895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1" sqref="C2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0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0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0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0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4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187</v>
      </c>
      <c r="C14" s="19" t="s">
        <v>1180</v>
      </c>
      <c r="D14" s="19" t="s">
        <v>1180</v>
      </c>
      <c r="E14" s="19" t="s">
        <v>1081</v>
      </c>
      <c r="F14" s="19" t="s">
        <v>1583</v>
      </c>
      <c r="G14" s="19" t="s">
        <v>28</v>
      </c>
      <c r="H14" s="19" t="s">
        <v>28</v>
      </c>
      <c r="I14" s="19" t="s">
        <v>28</v>
      </c>
      <c r="J14" s="19" t="s">
        <v>28</v>
      </c>
    </row>
    <row r="15" spans="1:14" s="1" customFormat="1" ht="15" customHeight="1" x14ac:dyDescent="0.15">
      <c r="B15" s="19" t="s">
        <v>1466</v>
      </c>
      <c r="C15" s="19" t="s">
        <v>1180</v>
      </c>
      <c r="D15" s="19" t="s">
        <v>1180</v>
      </c>
      <c r="E15" s="19" t="s">
        <v>1081</v>
      </c>
      <c r="F15" s="19" t="s">
        <v>1584</v>
      </c>
      <c r="G15" s="19" t="s">
        <v>28</v>
      </c>
      <c r="H15" s="19" t="s">
        <v>28</v>
      </c>
      <c r="I15" s="19" t="s">
        <v>28</v>
      </c>
      <c r="J15" s="19" t="s">
        <v>28</v>
      </c>
    </row>
    <row r="16" spans="1:14" s="1" customFormat="1" ht="15" customHeight="1" x14ac:dyDescent="0.15">
      <c r="B16" s="19" t="s">
        <v>1467</v>
      </c>
      <c r="C16" s="19" t="s">
        <v>1180</v>
      </c>
      <c r="D16" s="19" t="s">
        <v>1180</v>
      </c>
      <c r="E16" s="19" t="s">
        <v>1081</v>
      </c>
      <c r="F16" s="19" t="s">
        <v>1585</v>
      </c>
      <c r="G16" s="19" t="s">
        <v>28</v>
      </c>
      <c r="H16" s="19" t="s">
        <v>28</v>
      </c>
      <c r="I16" s="19" t="s">
        <v>28</v>
      </c>
      <c r="J16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66F837-3362-493C-BD29-00363B3446DF}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7" sqref="D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38</v>
      </c>
      <c r="B2" s="8" t="s">
        <v>80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39</v>
      </c>
      <c r="B3" s="8" t="s">
        <v>80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5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0</v>
      </c>
      <c r="B5" s="8" t="s">
        <v>81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1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4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6" t="s">
        <v>1065</v>
      </c>
      <c r="B10" s="17" t="s">
        <v>1066</v>
      </c>
      <c r="C10" s="17" t="s">
        <v>1067</v>
      </c>
      <c r="D10" s="17" t="s">
        <v>1068</v>
      </c>
      <c r="E10" s="17" t="s">
        <v>1069</v>
      </c>
      <c r="F10" s="17" t="s">
        <v>1070</v>
      </c>
      <c r="G10" s="17" t="s">
        <v>1071</v>
      </c>
      <c r="H10" s="17" t="s">
        <v>1072</v>
      </c>
      <c r="I10" s="17" t="s">
        <v>1073</v>
      </c>
      <c r="J10" s="17" t="s">
        <v>1074</v>
      </c>
      <c r="K10" s="17" t="s">
        <v>1075</v>
      </c>
      <c r="L10" s="17" t="s">
        <v>1076</v>
      </c>
      <c r="M10" s="17" t="s">
        <v>1077</v>
      </c>
      <c r="N10" s="18" t="s">
        <v>1078</v>
      </c>
    </row>
    <row r="11" spans="1:14" s="1" customFormat="1" ht="15" customHeight="1" x14ac:dyDescent="0.15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</row>
    <row r="13" spans="1:14" s="1" customFormat="1" ht="15" customHeight="1" x14ac:dyDescent="0.15">
      <c r="A13" s="16" t="s">
        <v>1178</v>
      </c>
      <c r="B13" s="17" t="s">
        <v>1066</v>
      </c>
      <c r="C13" s="17" t="s">
        <v>1067</v>
      </c>
      <c r="D13" s="17" t="s">
        <v>1068</v>
      </c>
      <c r="E13" s="17" t="s">
        <v>1069</v>
      </c>
      <c r="F13" s="17" t="s">
        <v>1070</v>
      </c>
      <c r="G13" s="17" t="s">
        <v>1071</v>
      </c>
      <c r="H13" s="17" t="s">
        <v>1072</v>
      </c>
      <c r="I13" s="17" t="s">
        <v>1179</v>
      </c>
      <c r="J13" s="18" t="s">
        <v>1078</v>
      </c>
    </row>
    <row r="14" spans="1:14" s="1" customFormat="1" ht="15" customHeight="1" x14ac:dyDescent="0.15">
      <c r="B14" s="19" t="s">
        <v>1187</v>
      </c>
      <c r="C14" s="19" t="s">
        <v>1180</v>
      </c>
      <c r="D14" s="19" t="s">
        <v>1180</v>
      </c>
      <c r="E14" s="19" t="s">
        <v>1081</v>
      </c>
      <c r="F14" s="19" t="s">
        <v>1576</v>
      </c>
      <c r="G14" s="19" t="s">
        <v>28</v>
      </c>
      <c r="H14" s="19" t="s">
        <v>28</v>
      </c>
      <c r="I14" s="19" t="s">
        <v>28</v>
      </c>
      <c r="J14" s="19" t="s">
        <v>28</v>
      </c>
    </row>
    <row r="15" spans="1:14" s="1" customFormat="1" ht="15" customHeight="1" x14ac:dyDescent="0.15">
      <c r="B15" s="19" t="s">
        <v>1466</v>
      </c>
      <c r="C15" s="19" t="s">
        <v>1180</v>
      </c>
      <c r="D15" s="19" t="s">
        <v>1180</v>
      </c>
      <c r="E15" s="19" t="s">
        <v>1081</v>
      </c>
      <c r="F15" s="19" t="s">
        <v>1507</v>
      </c>
      <c r="G15" s="19" t="s">
        <v>28</v>
      </c>
      <c r="H15" s="19" t="s">
        <v>28</v>
      </c>
      <c r="I15" s="19" t="s">
        <v>28</v>
      </c>
      <c r="J15" s="19" t="s">
        <v>28</v>
      </c>
    </row>
    <row r="16" spans="1:14" s="1" customFormat="1" ht="15" customHeight="1" x14ac:dyDescent="0.15">
      <c r="B16" s="19" t="s">
        <v>1467</v>
      </c>
      <c r="C16" s="19" t="s">
        <v>1180</v>
      </c>
      <c r="D16" s="19" t="s">
        <v>1180</v>
      </c>
      <c r="E16" s="19" t="s">
        <v>1081</v>
      </c>
      <c r="F16" s="19" t="s">
        <v>1586</v>
      </c>
      <c r="G16" s="19" t="s">
        <v>28</v>
      </c>
      <c r="H16" s="19" t="s">
        <v>28</v>
      </c>
      <c r="I16" s="19" t="s">
        <v>28</v>
      </c>
      <c r="J16" s="19" t="s">
        <v>28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25</vt:i4>
      </vt:variant>
      <vt:variant>
        <vt:lpstr>名前付き一覧</vt:lpstr>
      </vt:variant>
      <vt:variant>
        <vt:i4>1</vt:i4>
      </vt:variant>
    </vt:vector>
  </HeadingPairs>
  <TitlesOfParts>
    <vt:vector size="126" baseType="lpstr">
      <vt:lpstr>事業場台帳</vt:lpstr>
      <vt:lpstr>04400000002</vt:lpstr>
      <vt:lpstr>04420200074</vt:lpstr>
      <vt:lpstr>04420200081</vt:lpstr>
      <vt:lpstr>04420200088</vt:lpstr>
      <vt:lpstr>04420200096</vt:lpstr>
      <vt:lpstr>04420200101</vt:lpstr>
      <vt:lpstr>04420200103</vt:lpstr>
      <vt:lpstr>04420200105</vt:lpstr>
      <vt:lpstr>04420200107</vt:lpstr>
      <vt:lpstr>04420200108</vt:lpstr>
      <vt:lpstr>04420200112</vt:lpstr>
      <vt:lpstr>04420200113</vt:lpstr>
      <vt:lpstr>04420200114</vt:lpstr>
      <vt:lpstr>04420200115</vt:lpstr>
      <vt:lpstr>04420200116</vt:lpstr>
      <vt:lpstr>04420200117</vt:lpstr>
      <vt:lpstr>04420200118</vt:lpstr>
      <vt:lpstr>04420300001</vt:lpstr>
      <vt:lpstr>04420300008</vt:lpstr>
      <vt:lpstr>04420300013</vt:lpstr>
      <vt:lpstr>04420300032</vt:lpstr>
      <vt:lpstr>04420300038</vt:lpstr>
      <vt:lpstr>04420300045</vt:lpstr>
      <vt:lpstr>04420300046</vt:lpstr>
      <vt:lpstr>04420300051</vt:lpstr>
      <vt:lpstr>04420300056</vt:lpstr>
      <vt:lpstr>04420300063</vt:lpstr>
      <vt:lpstr>04420300064</vt:lpstr>
      <vt:lpstr>04420300066</vt:lpstr>
      <vt:lpstr>04420300067</vt:lpstr>
      <vt:lpstr>04420300068</vt:lpstr>
      <vt:lpstr>04420400004</vt:lpstr>
      <vt:lpstr>04420400017</vt:lpstr>
      <vt:lpstr>04420400022</vt:lpstr>
      <vt:lpstr>04420400026</vt:lpstr>
      <vt:lpstr>04420400033</vt:lpstr>
      <vt:lpstr>04420400044</vt:lpstr>
      <vt:lpstr>04420400045</vt:lpstr>
      <vt:lpstr>04420400053</vt:lpstr>
      <vt:lpstr>04420400054</vt:lpstr>
      <vt:lpstr>04420400057</vt:lpstr>
      <vt:lpstr>04420400066</vt:lpstr>
      <vt:lpstr>04420400068</vt:lpstr>
      <vt:lpstr>04420400069</vt:lpstr>
      <vt:lpstr>04420400070</vt:lpstr>
      <vt:lpstr>04420400071</vt:lpstr>
      <vt:lpstr>04420400072</vt:lpstr>
      <vt:lpstr>04420400074</vt:lpstr>
      <vt:lpstr>04420400076</vt:lpstr>
      <vt:lpstr>04420400078</vt:lpstr>
      <vt:lpstr>04420500003</vt:lpstr>
      <vt:lpstr>04420500015</vt:lpstr>
      <vt:lpstr>04420500025</vt:lpstr>
      <vt:lpstr>04420500035</vt:lpstr>
      <vt:lpstr>04420500039</vt:lpstr>
      <vt:lpstr>04420500047</vt:lpstr>
      <vt:lpstr>04420500051</vt:lpstr>
      <vt:lpstr>04420500053</vt:lpstr>
      <vt:lpstr>04420500054</vt:lpstr>
      <vt:lpstr>04420500055</vt:lpstr>
      <vt:lpstr>04420500056</vt:lpstr>
      <vt:lpstr>04420500057</vt:lpstr>
      <vt:lpstr>04420500058</vt:lpstr>
      <vt:lpstr>04420600002</vt:lpstr>
      <vt:lpstr>04420600005</vt:lpstr>
      <vt:lpstr>04420600014</vt:lpstr>
      <vt:lpstr>04420600017</vt:lpstr>
      <vt:lpstr>04420600020</vt:lpstr>
      <vt:lpstr>04420600021</vt:lpstr>
      <vt:lpstr>04420600029</vt:lpstr>
      <vt:lpstr>04420600031</vt:lpstr>
      <vt:lpstr>04420600033</vt:lpstr>
      <vt:lpstr>04442100002</vt:lpstr>
      <vt:lpstr>04420700003</vt:lpstr>
      <vt:lpstr>04420700011</vt:lpstr>
      <vt:lpstr>04420700015</vt:lpstr>
      <vt:lpstr>04420700018</vt:lpstr>
      <vt:lpstr>04420700025</vt:lpstr>
      <vt:lpstr>04420700026</vt:lpstr>
      <vt:lpstr>04420800018</vt:lpstr>
      <vt:lpstr>04420800025</vt:lpstr>
      <vt:lpstr>04420800026</vt:lpstr>
      <vt:lpstr>04420900022</vt:lpstr>
      <vt:lpstr>04420900026</vt:lpstr>
      <vt:lpstr>04421000011</vt:lpstr>
      <vt:lpstr>04421000014</vt:lpstr>
      <vt:lpstr>04421000020</vt:lpstr>
      <vt:lpstr>04421000021</vt:lpstr>
      <vt:lpstr>04421100037</vt:lpstr>
      <vt:lpstr>04421100038</vt:lpstr>
      <vt:lpstr>04421100039</vt:lpstr>
      <vt:lpstr>04421100056</vt:lpstr>
      <vt:lpstr>04421100057</vt:lpstr>
      <vt:lpstr>04421100069</vt:lpstr>
      <vt:lpstr>04421100073</vt:lpstr>
      <vt:lpstr>04421100074</vt:lpstr>
      <vt:lpstr>04421100075</vt:lpstr>
      <vt:lpstr>04421100076</vt:lpstr>
      <vt:lpstr>04421100081</vt:lpstr>
      <vt:lpstr>04421100082</vt:lpstr>
      <vt:lpstr>04421100083</vt:lpstr>
      <vt:lpstr>04421100084</vt:lpstr>
      <vt:lpstr>04421100085</vt:lpstr>
      <vt:lpstr>04421200013</vt:lpstr>
      <vt:lpstr>04421200034</vt:lpstr>
      <vt:lpstr>04421200035</vt:lpstr>
      <vt:lpstr>04421300008</vt:lpstr>
      <vt:lpstr>04421300013</vt:lpstr>
      <vt:lpstr>04421300015</vt:lpstr>
      <vt:lpstr>04421300017</vt:lpstr>
      <vt:lpstr>04421300018</vt:lpstr>
      <vt:lpstr>04421400002</vt:lpstr>
      <vt:lpstr>04421400008</vt:lpstr>
      <vt:lpstr>04434100007</vt:lpstr>
      <vt:lpstr>04434100011</vt:lpstr>
      <vt:lpstr>04434100013</vt:lpstr>
      <vt:lpstr>04434100018</vt:lpstr>
      <vt:lpstr>04434100019</vt:lpstr>
      <vt:lpstr>04446100004</vt:lpstr>
      <vt:lpstr>04446100007</vt:lpstr>
      <vt:lpstr>04446100008</vt:lpstr>
      <vt:lpstr>04446100009</vt:lpstr>
      <vt:lpstr>04446200011</vt:lpstr>
      <vt:lpstr>04446200013</vt:lpstr>
      <vt:lpstr>事業場台帳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豊永　悦寛</cp:lastModifiedBy>
  <dcterms:modified xsi:type="dcterms:W3CDTF">2025-10-20T04:51:31Z</dcterms:modified>
</cp:coreProperties>
</file>